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301915013\Downloads\"/>
    </mc:Choice>
  </mc:AlternateContent>
  <bookViews>
    <workbookView xWindow="0" yWindow="0" windowWidth="19200" windowHeight="6360" tabRatio="920" firstSheet="26" activeTab="29"/>
  </bookViews>
  <sheets>
    <sheet name="סכום נכסי הקרן" sheetId="1" r:id="rId1"/>
    <sheet name="מזומנים" sheetId="2" r:id="rId2"/>
    <sheet name="תעודות התחייבות ממשלתיות" sheetId="3" r:id="rId3"/>
    <sheet name="תעודות חוב מסחריות" sheetId="4" r:id="rId4"/>
    <sheet name="אג&quot;ח קונצרני" sheetId="5" r:id="rId5"/>
    <sheet name="מניות" sheetId="6" r:id="rId6"/>
    <sheet name="קרנות סל" sheetId="7" r:id="rId7"/>
    <sheet name="קרנות נאמנות" sheetId="8" r:id="rId8"/>
    <sheet name="כתבי אופציה" sheetId="9" r:id="rId9"/>
    <sheet name="אופציות" sheetId="10" r:id="rId10"/>
    <sheet name="חוזים עתידיים" sheetId="11" r:id="rId11"/>
    <sheet name="מוצרים מובנים" sheetId="12" r:id="rId12"/>
    <sheet name="לא סחיר - תעודות התחייבות ממשלת" sheetId="13" r:id="rId13"/>
    <sheet name="לא סחיר - תעודות חוב מסחריות" sheetId="14" r:id="rId14"/>
    <sheet name="לא סחיר - אג&quot;ח קונצרני" sheetId="15" r:id="rId15"/>
    <sheet name="לא סחיר - מניות" sheetId="16" r:id="rId16"/>
    <sheet name="לא סחיר - קרנות השקעה" sheetId="17" r:id="rId17"/>
    <sheet name="לא סחיר - כתבי אופציה" sheetId="18" r:id="rId18"/>
    <sheet name="לא סחיר - אופציות" sheetId="19" r:id="rId19"/>
    <sheet name="לא סחיר - חוזים עתידיים" sheetId="20" r:id="rId20"/>
    <sheet name="לא סחיר - מוצרים מובנים" sheetId="21" r:id="rId21"/>
    <sheet name="הלוואות" sheetId="22" r:id="rId22"/>
    <sheet name="פקדונות מעל 3 חודשים" sheetId="23" r:id="rId23"/>
    <sheet name="זכויות מקרקעין" sheetId="24" r:id="rId24"/>
    <sheet name="השקעה בחברות מוחזקות" sheetId="25" r:id="rId25"/>
    <sheet name="השקעות אחרות" sheetId="26" r:id="rId26"/>
    <sheet name="יתרת התחייבות להשקעה" sheetId="27" r:id="rId27"/>
    <sheet name="עלות מתואמת אג&quot;ח קונצרני סחיר" sheetId="28" r:id="rId28"/>
    <sheet name="עלות מתואמת אג&quot;ח קונצרני ל.סחיר" sheetId="29" r:id="rId29"/>
    <sheet name="עלות מתואמת מסגרות אשראי ללווים" sheetId="30" r:id="rId30"/>
  </sheets>
  <calcPr calcId="162913"/>
</workbook>
</file>

<file path=xl/sharedStrings.xml><?xml version="1.0" encoding="utf-8"?>
<sst xmlns="http://schemas.openxmlformats.org/spreadsheetml/2006/main" count="6803" uniqueCount="518">
  <si>
    <t>תאריך הדיווח</t>
  </si>
  <si>
    <t>31/03/2021</t>
  </si>
  <si>
    <t>החברה המדווחת</t>
  </si>
  <si>
    <t>אל על</t>
  </si>
  <si>
    <t>שם מסלול/קרן/קופה</t>
  </si>
  <si>
    <t>אל על מסלול מניית</t>
  </si>
  <si>
    <t>מספר מסלול/קרן/קופה</t>
  </si>
  <si>
    <t/>
  </si>
  <si>
    <t>סכום נכסי ההשקעה:</t>
  </si>
  <si>
    <t>שווי הוגן</t>
  </si>
  <si>
    <t>שעור מנכסי השקעה*</t>
  </si>
  <si>
    <t>אלפי ש"ח</t>
  </si>
  <si>
    <t>אחוזים</t>
  </si>
  <si>
    <t>(1)</t>
  </si>
  <si>
    <t>(2)</t>
  </si>
  <si>
    <t>.1 נכסים המוצגים לפי שווי הוגן</t>
  </si>
  <si>
    <t>א. מזומנים</t>
  </si>
  <si>
    <t>ב. ניירות ערך סחירים:</t>
  </si>
  <si>
    <t>(1) תעודות התחייבות ממשלתיות</t>
  </si>
  <si>
    <t>(2) תעודות חוב מסחריות</t>
  </si>
  <si>
    <t>(3) אג''ח קונצרני</t>
  </si>
  <si>
    <t>(4) מניות</t>
  </si>
  <si>
    <t>(5) קרנות סל</t>
  </si>
  <si>
    <t>(6) תעודות השתתפות בקרנות נאמנות</t>
  </si>
  <si>
    <t>(7) כתבי אופציה</t>
  </si>
  <si>
    <t>(8) אופציות</t>
  </si>
  <si>
    <t>(9) חוזים עתידיים</t>
  </si>
  <si>
    <t>(10) מוצרים מובנים</t>
  </si>
  <si>
    <t>ג. ניירות ערך לא סחירים:</t>
  </si>
  <si>
    <t>(5) קרנות השקעה</t>
  </si>
  <si>
    <t>(6) כתבי אופציה</t>
  </si>
  <si>
    <t>(7) אופציות</t>
  </si>
  <si>
    <t>(8) חוזים עתידיים</t>
  </si>
  <si>
    <t>(9) מוצרים מובנים</t>
  </si>
  <si>
    <t>ד. הלוואות</t>
  </si>
  <si>
    <t>ה. פקדונות מעל 3 חודשים</t>
  </si>
  <si>
    <t>ו. זכויות מקרקעין</t>
  </si>
  <si>
    <t>ז. השקעה בחברות מוחזקות</t>
  </si>
  <si>
    <t>ח. השקעות אחרות</t>
  </si>
  <si>
    <t>.2 נכסים המוצגים לפי עלות מתואמת</t>
  </si>
  <si>
    <t xml:space="preserve">א. אג"ח קונצרני סחיר </t>
  </si>
  <si>
    <t>ב. אג"ח קונצרני לא סחיר</t>
  </si>
  <si>
    <t>ג. מסגרות אשראי מנוצלות ללווים</t>
  </si>
  <si>
    <t>סה''כ סכום נכסי המסלול או הקרן</t>
  </si>
  <si>
    <t>ט. יתרות התחייבות להשקעה:</t>
  </si>
  <si>
    <t>* בהתאם לשיטה שיושמה בדוח הכספי</t>
  </si>
  <si>
    <t>שם מטבע</t>
  </si>
  <si>
    <t>שע"ח</t>
  </si>
  <si>
    <t>דולר אמריקאי</t>
  </si>
  <si>
    <t xml:space="preserve">3.334 </t>
  </si>
  <si>
    <t>לירה שטרלינג</t>
  </si>
  <si>
    <t xml:space="preserve">4.5869 </t>
  </si>
  <si>
    <t>פרנק שווצרי</t>
  </si>
  <si>
    <t xml:space="preserve">3.5387 </t>
  </si>
  <si>
    <t>אירו</t>
  </si>
  <si>
    <t xml:space="preserve">3.9127 </t>
  </si>
  <si>
    <t>דולר הונג קונג</t>
  </si>
  <si>
    <t xml:space="preserve">0.4293 </t>
  </si>
  <si>
    <t>09:58:32</t>
  </si>
  <si>
    <t>2021-04-27</t>
  </si>
  <si>
    <t>1. א. מזומנים ושווי מזומנים</t>
  </si>
  <si>
    <t>שם המנפיק/שם נייר ערך</t>
  </si>
  <si>
    <t>מספר ני"ע</t>
  </si>
  <si>
    <t>מספר מנפיק</t>
  </si>
  <si>
    <t>דירוג</t>
  </si>
  <si>
    <t>שם מדרג</t>
  </si>
  <si>
    <t>סוג מטבע</t>
  </si>
  <si>
    <t>שיעור ריבית</t>
  </si>
  <si>
    <t>תשואה לפידיון</t>
  </si>
  <si>
    <t>שווי שוק</t>
  </si>
  <si>
    <t>שעור מנכסי אפיק ההשקעה</t>
  </si>
  <si>
    <t>שעור מסך נכסי השקעה</t>
  </si>
  <si>
    <t>(3)</t>
  </si>
  <si>
    <t>(4)</t>
  </si>
  <si>
    <t>(5)</t>
  </si>
  <si>
    <t>(6)</t>
  </si>
  <si>
    <t>(7)</t>
  </si>
  <si>
    <t>(8)</t>
  </si>
  <si>
    <t>(9)</t>
  </si>
  <si>
    <t>(10)</t>
  </si>
  <si>
    <t>סה"כ מזומנים ושווי מזומנים</t>
  </si>
  <si>
    <t>:סה"כ בישראל</t>
  </si>
  <si>
    <t>יתרות מזומנים ועו"ש בש"ח</t>
  </si>
  <si>
    <t>ilAA+</t>
  </si>
  <si>
    <t>מעלות S&amp;P</t>
  </si>
  <si>
    <t>שקל חדש</t>
  </si>
  <si>
    <t>יתרות מזומנים ועו"ש נקובים במט"ח</t>
  </si>
  <si>
    <t>פח"ק פר"י</t>
  </si>
  <si>
    <t>פק"מ לתקופה של עד שלושה חודשים</t>
  </si>
  <si>
    <t>פקדון צמוד מדד עד שלושה חודשים</t>
  </si>
  <si>
    <t>פקדון צמוד מט"ח עד שלושה חודשים (פצ"מ)</t>
  </si>
  <si>
    <t>פקדונות במט"ח עד שלושה חודשים</t>
  </si>
  <si>
    <t>:סה"כ בחו"ל</t>
  </si>
  <si>
    <t xml:space="preserve">יתרות מזומנים ועו"ש נקובים במט"ח </t>
  </si>
  <si>
    <t>* בעל ענין/צד קשור</t>
  </si>
  <si>
    <t>1. ב. ניירות ערך סחירים</t>
  </si>
  <si>
    <t>1. תעודות התחייבות ממשלתיות</t>
  </si>
  <si>
    <t>זירת מסחר</t>
  </si>
  <si>
    <t>תאריך רכישה</t>
  </si>
  <si>
    <t>מח"מ</t>
  </si>
  <si>
    <t>ערך נקוב</t>
  </si>
  <si>
    <t>שער</t>
  </si>
  <si>
    <t>פדיון/ריבית לקבל</t>
  </si>
  <si>
    <t>שעור מערך נקוב מונפק</t>
  </si>
  <si>
    <t>שעור מסך נכסי השקעה**</t>
  </si>
  <si>
    <t>שנים</t>
  </si>
  <si>
    <t>ש"ח</t>
  </si>
  <si>
    <t>אגורות</t>
  </si>
  <si>
    <t>(11)</t>
  </si>
  <si>
    <t>(12)</t>
  </si>
  <si>
    <t>(13)</t>
  </si>
  <si>
    <t>(14)</t>
  </si>
  <si>
    <t>(15)</t>
  </si>
  <si>
    <t>(16)</t>
  </si>
  <si>
    <t>סה"כ תעודות התחייבות ממשלתיות</t>
  </si>
  <si>
    <t>סה"כ צמודות מדד</t>
  </si>
  <si>
    <t>סה"כ לא צמודות</t>
  </si>
  <si>
    <t>סה"כ צמודות לדולר</t>
  </si>
  <si>
    <t>סה"כ אג"ח של ממשלת ישראל שהונפקו בחו"ל</t>
  </si>
  <si>
    <t>סה"כ אג"ח  שהנפיקו ממשלות זרות בחו"ל</t>
  </si>
  <si>
    <t>** בהתאם לשיטה שיושמה בדוח הכספי</t>
  </si>
  <si>
    <t>2. תעודות חוב מסחריות</t>
  </si>
  <si>
    <t>ספק המידע</t>
  </si>
  <si>
    <t>ענף מסחר</t>
  </si>
  <si>
    <t>(17)</t>
  </si>
  <si>
    <t>(18)</t>
  </si>
  <si>
    <t>(19)</t>
  </si>
  <si>
    <t>סה"כ תעודות חוב מסחריות</t>
  </si>
  <si>
    <t>סה"כ צמודות</t>
  </si>
  <si>
    <t>סה"כ צמודות למט"ח</t>
  </si>
  <si>
    <t>סה"כ חברות זרות בחו"ל</t>
  </si>
  <si>
    <t>סה"כ חברות ישראליות בחו"ל</t>
  </si>
  <si>
    <t>סה"כ בחו"ל</t>
  </si>
  <si>
    <t>3. אג"ח קונצרני</t>
  </si>
  <si>
    <t>תאריך</t>
  </si>
  <si>
    <t>יחידות</t>
  </si>
  <si>
    <t>סה"כ אגרות חוב קונצרניות</t>
  </si>
  <si>
    <t>סה"כ צמודות למדד אחר</t>
  </si>
  <si>
    <t>.4 מניות</t>
  </si>
  <si>
    <t>דיבידנד לקבל</t>
  </si>
  <si>
    <t>סה"כ מניות</t>
  </si>
  <si>
    <t xml:space="preserve">סה"כ תל אביב 35 </t>
  </si>
  <si>
    <t>מיטרוניקס</t>
  </si>
  <si>
    <t>TASE</t>
  </si>
  <si>
    <t>אלקטרוניקה ואופטיקה</t>
  </si>
  <si>
    <t>אלביט מערכות</t>
  </si>
  <si>
    <t>ביטחוניות</t>
  </si>
  <si>
    <t>קלינטק</t>
  </si>
  <si>
    <t>נייס מערכות</t>
  </si>
  <si>
    <t>תוכנה ואינטרנט</t>
  </si>
  <si>
    <t>אמות</t>
  </si>
  <si>
    <t>נדל"ן מניב בישראל</t>
  </si>
  <si>
    <t>מבני תעשיה בע"מ מ"ר 1 ש"ח</t>
  </si>
  <si>
    <t>מליסרון מ"ר 1 ש"ח</t>
  </si>
  <si>
    <t>עזריאלי קבוצה</t>
  </si>
  <si>
    <t>אלקטרה</t>
  </si>
  <si>
    <t>השקעה ואחזקות</t>
  </si>
  <si>
    <t>שופרסל</t>
  </si>
  <si>
    <t>מסחר</t>
  </si>
  <si>
    <t>בזק</t>
  </si>
  <si>
    <t>תקשורת ומדיה</t>
  </si>
  <si>
    <t>דיסקונט</t>
  </si>
  <si>
    <t>בנקים</t>
  </si>
  <si>
    <t>לאומי</t>
  </si>
  <si>
    <t>מזרחי טפחות</t>
  </si>
  <si>
    <t>הפועלים</t>
  </si>
  <si>
    <t>הפניקס</t>
  </si>
  <si>
    <t>ביטוח</t>
  </si>
  <si>
    <t>סה"כ תל אביב 90</t>
  </si>
  <si>
    <t>. אנלייט אנרגיה מתחדשת בעמ</t>
  </si>
  <si>
    <t>1 'וואן טכנולוגיות תוכנה מר</t>
  </si>
  <si>
    <t>שרותי מידע</t>
  </si>
  <si>
    <t>מטריקס</t>
  </si>
  <si>
    <t>1 .פורמולה מ.ר</t>
  </si>
  <si>
    <t>דמרי בניה ופיתוח מ"ר</t>
  </si>
  <si>
    <t>בנייה</t>
  </si>
  <si>
    <t>ישראל קנדה מ"ר 1</t>
  </si>
  <si>
    <t>מניבים ריט</t>
  </si>
  <si>
    <t>אלטשולר שחם גמל</t>
  </si>
  <si>
    <t>שרותים פיננסיים</t>
  </si>
  <si>
    <t>ישראכרט</t>
  </si>
  <si>
    <t>קנון</t>
  </si>
  <si>
    <t>ג'נריישן קפיטל</t>
  </si>
  <si>
    <t>אנרגיה</t>
  </si>
  <si>
    <t>פוקס-ויזל בע"מ</t>
  </si>
  <si>
    <t>אופנה והלבשה</t>
  </si>
  <si>
    <t>אינרום</t>
  </si>
  <si>
    <t>מתכת ומוצרי בניה</t>
  </si>
  <si>
    <t>סה"כ מניות היתר</t>
  </si>
  <si>
    <t>ASML HOLDING NV</t>
  </si>
  <si>
    <t>אחר</t>
  </si>
  <si>
    <t>CAMTEK LTD/ISRAEL</t>
  </si>
  <si>
    <t xml:space="preserve">IL0010952641 </t>
  </si>
  <si>
    <t>בלומברג</t>
  </si>
  <si>
    <t>מוליכים למחצה</t>
  </si>
  <si>
    <t>נכסים ובנין</t>
  </si>
  <si>
    <t>מור השקעות</t>
  </si>
  <si>
    <t>מנועי בית שמש מ"ר 1</t>
  </si>
  <si>
    <t>סה"כ אופציות Call 001</t>
  </si>
  <si>
    <t>LONG</t>
  </si>
  <si>
    <t>SHORT</t>
  </si>
  <si>
    <t>NOVA MEASURING INSTRUMENT</t>
  </si>
  <si>
    <t xml:space="preserve">IL0010845571 </t>
  </si>
  <si>
    <t>NASDAQ</t>
  </si>
  <si>
    <t>Semiconductors &amp; Semiconductor Equipment</t>
  </si>
  <si>
    <t>FIVERR INTERNATIONAL LTD</t>
  </si>
  <si>
    <t xml:space="preserve">IL0011582033 </t>
  </si>
  <si>
    <t>Telecommunication Services</t>
  </si>
  <si>
    <t>אודיוקודס נסחר בדולר</t>
  </si>
  <si>
    <t xml:space="preserve">IL0010829658 </t>
  </si>
  <si>
    <t>TEVA PHARMACEUTICAL IN</t>
  </si>
  <si>
    <t xml:space="preserve">IL0000100581 </t>
  </si>
  <si>
    <t>מוצרי בניה</t>
  </si>
  <si>
    <t>BP AMOCO (BP)</t>
  </si>
  <si>
    <t xml:space="preserve">US0556221044 </t>
  </si>
  <si>
    <t>Energy</t>
  </si>
  <si>
    <t>ROYAL DUTC(RDSA</t>
  </si>
  <si>
    <t xml:space="preserve">GB00B03MLX29 </t>
  </si>
  <si>
    <t>NUTRIEN LTD</t>
  </si>
  <si>
    <t xml:space="preserve">CA67077M1086 </t>
  </si>
  <si>
    <t>Materials</t>
  </si>
  <si>
    <t>MOSAIC CO(MOS)</t>
  </si>
  <si>
    <t xml:space="preserve">US61945C1036 </t>
  </si>
  <si>
    <t>FEDEX CORP</t>
  </si>
  <si>
    <t xml:space="preserve">US31428X1063 </t>
  </si>
  <si>
    <t>NYSE</t>
  </si>
  <si>
    <t>Transportation</t>
  </si>
  <si>
    <t>WALT DISNEY(DIS</t>
  </si>
  <si>
    <t xml:space="preserve">US2546871060 </t>
  </si>
  <si>
    <t>Media</t>
  </si>
  <si>
    <t>TARGET CORP</t>
  </si>
  <si>
    <t xml:space="preserve">US87612E1064 </t>
  </si>
  <si>
    <t>Retailing</t>
  </si>
  <si>
    <t>וול מארט נסחר בדולר</t>
  </si>
  <si>
    <t xml:space="preserve">US9311421039 </t>
  </si>
  <si>
    <t>PEPSICO (PEP)</t>
  </si>
  <si>
    <t xml:space="preserve">US7134481081 </t>
  </si>
  <si>
    <t>Food Beverage &amp; Tobacco</t>
  </si>
  <si>
    <t>JOHNSON&amp;JO (JNJ)</t>
  </si>
  <si>
    <t xml:space="preserve">US4781601046 </t>
  </si>
  <si>
    <t>Pharmaceuticals &amp; Biotechnology</t>
  </si>
  <si>
    <t>BAC- בנק אמריקה</t>
  </si>
  <si>
    <t xml:space="preserve">US0605051046 </t>
  </si>
  <si>
    <t>Banks</t>
  </si>
  <si>
    <t>MASTERCARD UNC</t>
  </si>
  <si>
    <t xml:space="preserve">US57636Q1040 </t>
  </si>
  <si>
    <t>Diversified Financials</t>
  </si>
  <si>
    <t>VISA INC (V US)</t>
  </si>
  <si>
    <t xml:space="preserve">US92826C8394 </t>
  </si>
  <si>
    <t>MICROSOFT (MSFT)</t>
  </si>
  <si>
    <t xml:space="preserve">US5949181045 </t>
  </si>
  <si>
    <t>Software &amp; Services</t>
  </si>
  <si>
    <t>אורקל נסחר בחו"ל</t>
  </si>
  <si>
    <t xml:space="preserve">US68389X1054 </t>
  </si>
  <si>
    <t>AAPLE COMP(AAPL</t>
  </si>
  <si>
    <t xml:space="preserve">US0378331005 </t>
  </si>
  <si>
    <t>Technology Hardware &amp; Equipment</t>
  </si>
  <si>
    <t>APPLIED MA(AMAT</t>
  </si>
  <si>
    <t xml:space="preserve">US0382221051 </t>
  </si>
  <si>
    <t>KLA-TENCOR CORP</t>
  </si>
  <si>
    <t xml:space="preserve">US4824801009 </t>
  </si>
  <si>
    <t>NVIDIA CORP</t>
  </si>
  <si>
    <t xml:space="preserve">US67066G1040 </t>
  </si>
  <si>
    <t>SAMSUNG E(SMSN)</t>
  </si>
  <si>
    <t xml:space="preserve">US7960502222 </t>
  </si>
  <si>
    <t>LSE</t>
  </si>
  <si>
    <t>ALIBABA GROUP HOLDING LTD</t>
  </si>
  <si>
    <t xml:space="preserve">US01609W1027 </t>
  </si>
  <si>
    <t>AMAZON.COM INC</t>
  </si>
  <si>
    <t xml:space="preserve">US0231351067 </t>
  </si>
  <si>
    <t>GOOGLE(GOOG)</t>
  </si>
  <si>
    <t xml:space="preserve">US02079K3059 </t>
  </si>
  <si>
    <t>NOKIA (NOK)</t>
  </si>
  <si>
    <t xml:space="preserve">US6549022043 </t>
  </si>
  <si>
    <t>POWERFLEET INC</t>
  </si>
  <si>
    <t xml:space="preserve">US73931J1097 </t>
  </si>
  <si>
    <t>TENCENT HO(700)</t>
  </si>
  <si>
    <t xml:space="preserve">KYG875721634 </t>
  </si>
  <si>
    <t>09:58:33</t>
  </si>
  <si>
    <t>.5  קרנות סל</t>
  </si>
  <si>
    <t>סה"כ קרנות סל</t>
  </si>
  <si>
    <t>סה"כ שעוקבות אחר מדדי מניות בישראל</t>
  </si>
  <si>
    <t>) ת"א 904Aסל )mtf</t>
  </si>
  <si>
    <t>מניות</t>
  </si>
  <si>
    <t>סה"כ שעוקבות אחר מדדי מניות בחו"ל</t>
  </si>
  <si>
    <t>Indxx US Industrial R )י4D) תכלית סל</t>
  </si>
  <si>
    <t>סה"כ שעוקבות אחר מדדים אחרים בישראל</t>
  </si>
  <si>
    <t>סה"כ שעוקבות אחר מדדים אחרים בחו"ל</t>
  </si>
  <si>
    <t>סה"כ אחר</t>
  </si>
  <si>
    <t>סה"כ Short</t>
  </si>
  <si>
    <t xml:space="preserve">סה"כ שעוקבות אחר מדדי מניות </t>
  </si>
  <si>
    <t>ISHARES CHI(FXI</t>
  </si>
  <si>
    <t xml:space="preserve">US4642871846 </t>
  </si>
  <si>
    <t>ISHARES DJ (ITB</t>
  </si>
  <si>
    <t xml:space="preserve">US4642887529 </t>
  </si>
  <si>
    <t>ISHARES DJ (IHI</t>
  </si>
  <si>
    <t xml:space="preserve">US4642888105 </t>
  </si>
  <si>
    <t>GUGGENHEIM(RYT)</t>
  </si>
  <si>
    <t xml:space="preserve">US46137V2824 </t>
  </si>
  <si>
    <t>INVESCO KBW BANK</t>
  </si>
  <si>
    <t xml:space="preserve">us46138e6288 </t>
  </si>
  <si>
    <t>INVESCO SOLAR ETF</t>
  </si>
  <si>
    <t xml:space="preserve">US46138G7060 </t>
  </si>
  <si>
    <t>ISHARES SEM(SOXX)</t>
  </si>
  <si>
    <t xml:space="preserve">US4642875235 </t>
  </si>
  <si>
    <t>ISHARES( AAXJ</t>
  </si>
  <si>
    <t xml:space="preserve">US4642881829 </t>
  </si>
  <si>
    <t>VANGUARD S&amp;P 500 ETF</t>
  </si>
  <si>
    <t xml:space="preserve">US9229084135 </t>
  </si>
  <si>
    <t>VTWO US</t>
  </si>
  <si>
    <t xml:space="preserve">US92206C6646 </t>
  </si>
  <si>
    <t>SPDR S&amp;P CHINA ETF</t>
  </si>
  <si>
    <t xml:space="preserve">US78463X4007 </t>
  </si>
  <si>
    <t>STREETTRACK(XHB</t>
  </si>
  <si>
    <t xml:space="preserve">US86330E7452 </t>
  </si>
  <si>
    <t>TECH SPDR(XLK)</t>
  </si>
  <si>
    <t xml:space="preserve">US81369Y8030 </t>
  </si>
  <si>
    <t>CONSUMER DI(XLY</t>
  </si>
  <si>
    <t xml:space="preserve">US81369Y4070 </t>
  </si>
  <si>
    <t>ISHARES IND'</t>
  </si>
  <si>
    <t xml:space="preserve">US81369Y7040 </t>
  </si>
  <si>
    <t>FINANC SPDR(XLF</t>
  </si>
  <si>
    <t xml:space="preserve">US81369Y6059 </t>
  </si>
  <si>
    <t>HEALTH SPDR(XVL</t>
  </si>
  <si>
    <t xml:space="preserve">US81369Y2090 </t>
  </si>
  <si>
    <t>US GLOBAL JETS ETF</t>
  </si>
  <si>
    <t xml:space="preserve">US26922A8421 </t>
  </si>
  <si>
    <t>ISHARES IFT(ISF</t>
  </si>
  <si>
    <t xml:space="preserve">IE0005042456 </t>
  </si>
  <si>
    <t>GLOBAL X LITHIUM &amp; BATTERY TEC</t>
  </si>
  <si>
    <t xml:space="preserve">US78409V1044 </t>
  </si>
  <si>
    <t>מניה בחו"ל NASDAQ100(QQQ)</t>
  </si>
  <si>
    <t xml:space="preserve">US6311001043 </t>
  </si>
  <si>
    <t>CHINAAMC ETF SERIES - CHINAAMC</t>
  </si>
  <si>
    <t xml:space="preserve">HK0000123577 </t>
  </si>
  <si>
    <t>COMMUNICATION SERVICES SELECT</t>
  </si>
  <si>
    <t xml:space="preserve">US81369Y8527 </t>
  </si>
  <si>
    <t>ETFMG TRAVEL TECH ETF</t>
  </si>
  <si>
    <t xml:space="preserve">US26924G7714 </t>
  </si>
  <si>
    <t>FIRST TRUST NASDAQ CYBERSECURI</t>
  </si>
  <si>
    <t xml:space="preserve">US33734X8469 </t>
  </si>
  <si>
    <t>GLOBAL X CYBERSECURITY ETF</t>
  </si>
  <si>
    <t xml:space="preserve">US37954Y3844 </t>
  </si>
  <si>
    <t>DAXEX FUND</t>
  </si>
  <si>
    <t xml:space="preserve">DE0005933931 </t>
  </si>
  <si>
    <t>DAX</t>
  </si>
  <si>
    <t>(SXSEEX) יורו סטוק</t>
  </si>
  <si>
    <t xml:space="preserve">DE0005933956 </t>
  </si>
  <si>
    <t>ISHARES EDGE MSCI INTL VALUE F</t>
  </si>
  <si>
    <t xml:space="preserve">US46435G4091 </t>
  </si>
  <si>
    <t>KRANESHARES CSI CHINA INTERNET</t>
  </si>
  <si>
    <t xml:space="preserve">US5007673065 </t>
  </si>
  <si>
    <t>KRANESHARES BOSERA MSCI CHINA</t>
  </si>
  <si>
    <t xml:space="preserve">US5007674055 </t>
  </si>
  <si>
    <t>FIRST TRUST ISE CLOUD COMPUTIN</t>
  </si>
  <si>
    <t xml:space="preserve">US33734X1928 </t>
  </si>
  <si>
    <t>דיימונדס טראסט נסחר בדולר</t>
  </si>
  <si>
    <t xml:space="preserve">US78467X1090 </t>
  </si>
  <si>
    <t>(SPY) אס.פי. די נסחר בדולר</t>
  </si>
  <si>
    <t xml:space="preserve">US78462F1030 </t>
  </si>
  <si>
    <t>סה"כ שעוקבות אחר מדדים אחרים</t>
  </si>
  <si>
    <t xml:space="preserve">סה"כ אחר </t>
  </si>
  <si>
    <t>.6 קרנות נאמנות</t>
  </si>
  <si>
    <t>סה"כ תעודות השתתפות בקרנות נאמנות</t>
  </si>
  <si>
    <t>סה"כ אג"ח קונצרני</t>
  </si>
  <si>
    <t>סה"כ אג"ח ממשלתי</t>
  </si>
  <si>
    <t>.7 כתבי אופציה</t>
  </si>
  <si>
    <t>סה"כ כתבי אופציה</t>
  </si>
  <si>
    <t>סה"כ בישראל</t>
  </si>
  <si>
    <t>כתבי אופציה בישראל</t>
  </si>
  <si>
    <t>רותם אנרגיה אפ2</t>
  </si>
  <si>
    <t>חיפושי נפט וגז</t>
  </si>
  <si>
    <t>רותם אנרגיה אפ1</t>
  </si>
  <si>
    <t>רותם אנרגיה אפ3</t>
  </si>
  <si>
    <t>כתבי אופציה בחו"ל</t>
  </si>
  <si>
    <t>.8 אופציות</t>
  </si>
  <si>
    <t>סה"כ אופציות</t>
  </si>
  <si>
    <t>סה"כ מדדים כולל מניות</t>
  </si>
  <si>
    <t>סה"כ מט"ח</t>
  </si>
  <si>
    <t>סה"כ ריבית</t>
  </si>
  <si>
    <t>SPX C3970 16/04/21</t>
  </si>
  <si>
    <t xml:space="preserve">SPX+C </t>
  </si>
  <si>
    <t>SPX P3970 16/04/21</t>
  </si>
  <si>
    <t xml:space="preserve">SPX+P </t>
  </si>
  <si>
    <t>סה"כ מטבע</t>
  </si>
  <si>
    <t>סה"כ סחורות</t>
  </si>
  <si>
    <t>.9 חוזים עתידיים</t>
  </si>
  <si>
    <t>סה"כ חוזים עתידיים</t>
  </si>
  <si>
    <t>.10 מוצרים מובנים</t>
  </si>
  <si>
    <t>נכס הבסיס</t>
  </si>
  <si>
    <t xml:space="preserve">סה"כ מוצרים מובנים </t>
  </si>
  <si>
    <t>סה"כ קרן מובטחת</t>
  </si>
  <si>
    <t>סה"כ קרן לא מובטחת</t>
  </si>
  <si>
    <t>סה"כ מוצרים מאוגחים</t>
  </si>
  <si>
    <t xml:space="preserve">סה"כ מוצרים מאוגחים </t>
  </si>
  <si>
    <t>1. ג. ניירות ערך לא סחירים</t>
  </si>
  <si>
    <t>.1 תעודות התחייבות ממשלתיות</t>
  </si>
  <si>
    <t>סה"כ אג"ח לא סחיר שהנפיקו ממשלות זרות בחו"ל</t>
  </si>
  <si>
    <t>.2 תעודות חוב מסחריות</t>
  </si>
  <si>
    <t>סה"כ צמוד מדד</t>
  </si>
  <si>
    <t>סה"כ לא צמוד</t>
  </si>
  <si>
    <t>סה"כ תעודות חוב מסחריות של חברות ישראליות</t>
  </si>
  <si>
    <t>סה"כ תעודות חוב מסחריות של חברות זרות</t>
  </si>
  <si>
    <t>.3 אג"ח קונצרני</t>
  </si>
  <si>
    <t>סה"כ אג"ח קונצרני של חברות ישראליות</t>
  </si>
  <si>
    <t>סה"כ אג"ח קונצרני של חברות זרות</t>
  </si>
  <si>
    <t>ויולה ג'נריישן ניהול בע"מ(אל על)</t>
  </si>
  <si>
    <t>טיימנטו בע"מ מנייה ל"ס</t>
  </si>
  <si>
    <t>מאקסטק רשתות תקשורת בע"מ</t>
  </si>
  <si>
    <t>ציוד תקשורת</t>
  </si>
  <si>
    <t>Human xtensions</t>
  </si>
  <si>
    <t>Other</t>
  </si>
  <si>
    <t>.5 קרנות השקעה</t>
  </si>
  <si>
    <t>סה"כ קרנות השקעה</t>
  </si>
  <si>
    <t>:סה"כ קרנות השקעה בישראל</t>
  </si>
  <si>
    <t>סה"כ קרנות הון סיכון</t>
  </si>
  <si>
    <t>סה"כ קרנות גידור</t>
  </si>
  <si>
    <t>קרן נוקד מניות</t>
  </si>
  <si>
    <t>23/11/2016</t>
  </si>
  <si>
    <t>קרן נוקד לונג</t>
  </si>
  <si>
    <t>27/06/2018</t>
  </si>
  <si>
    <t>סה"כ קרנות נדל"ן</t>
  </si>
  <si>
    <t>סה"כ קרנות השקעה אחרות</t>
  </si>
  <si>
    <t>:סה"כ קרנות השקעה בחו"ל</t>
  </si>
  <si>
    <t>קרן השקעה ORCA</t>
  </si>
  <si>
    <t>30/01/2019</t>
  </si>
  <si>
    <t>.6 כתבי אופציה</t>
  </si>
  <si>
    <t>:סה"כ כתבי אופציה בישראל</t>
  </si>
  <si>
    <t>:סה"כ כתבי אופציה בחו"ל</t>
  </si>
  <si>
    <t>.7 אופציות</t>
  </si>
  <si>
    <t>:סה"כ אופציות בישראל</t>
  </si>
  <si>
    <t>ש"ח / מט"ח</t>
  </si>
  <si>
    <t>סה"כ מט"ח/ מט"ח</t>
  </si>
  <si>
    <t>:סה"כ אופציות בחו"ל</t>
  </si>
  <si>
    <t>.8 חוזים עתידיים</t>
  </si>
  <si>
    <t>:סה"כ חוזים עתידיים בישראל</t>
  </si>
  <si>
    <t>USD/ILS FW 3.258000 23/04/21</t>
  </si>
  <si>
    <t>ל.ר</t>
  </si>
  <si>
    <t>27/01/2021</t>
  </si>
  <si>
    <t>USD/ILS FW 3.337600 23/04/21</t>
  </si>
  <si>
    <t>08/03/2021</t>
  </si>
  <si>
    <t>EUR/ILS FW 3.959100 23/04/21</t>
  </si>
  <si>
    <t>USD/ILS FW 3.246300 23/04/21</t>
  </si>
  <si>
    <t>09/02/2021</t>
  </si>
  <si>
    <t>:סה"כ חוזים עתידיים בחו"ל</t>
  </si>
  <si>
    <t>.9 מוצרים מובנים</t>
  </si>
  <si>
    <t>סה"כ מוצרים מובנים</t>
  </si>
  <si>
    <t>1. ד. הלוואות</t>
  </si>
  <si>
    <t>קונסורציום כן/לא</t>
  </si>
  <si>
    <t>שיעור ריבית ממוצע</t>
  </si>
  <si>
    <t>סה"כ הלוואות</t>
  </si>
  <si>
    <t>סה"כ הלוואות בישראל</t>
  </si>
  <si>
    <t>סה"כ כנגד חסכון עמיתים/מבוטחים</t>
  </si>
  <si>
    <t>הלוואה לעמיתים1</t>
  </si>
  <si>
    <t>לא</t>
  </si>
  <si>
    <t>AA+</t>
  </si>
  <si>
    <t>27/05/2014</t>
  </si>
  <si>
    <t>פנימי</t>
  </si>
  <si>
    <t>סה"כ מובטחות במשכנתא או תיקי משכנתאות</t>
  </si>
  <si>
    <t>סה"כ מובטחות בערבות בנקאית</t>
  </si>
  <si>
    <t>סה"כ מובטחות בבטחונות אחרים</t>
  </si>
  <si>
    <t>סה"כ מובטחות בשעבוד כלי רכב</t>
  </si>
  <si>
    <t>סה"כ הלוואות לסוכנים</t>
  </si>
  <si>
    <t>מובטחות בתזרים עמלות</t>
  </si>
  <si>
    <t xml:space="preserve">בטחונות אחרים </t>
  </si>
  <si>
    <t>סה"כ הלוואות לעובדים ונושאי משרה</t>
  </si>
  <si>
    <t>סה"כ לא מובטחות</t>
  </si>
  <si>
    <t>סה"כ הלוואות בחו"ל</t>
  </si>
  <si>
    <t>1.ה. פקדונות מעל 3 חודשים:</t>
  </si>
  <si>
    <t>תנאי ושיעור ריבית</t>
  </si>
  <si>
    <t xml:space="preserve">סה"כ פקדונות מעל 3 חודשים </t>
  </si>
  <si>
    <t>סה"כ צמוד למדד</t>
  </si>
  <si>
    <t>סה"כ נקוב במט"ח</t>
  </si>
  <si>
    <t>סה"כ צמוד למט"ח</t>
  </si>
  <si>
    <t>1.ו. זכויות במקרקעין</t>
  </si>
  <si>
    <t>תאריך שערוך אחרון</t>
  </si>
  <si>
    <t>אופי הנכס</t>
  </si>
  <si>
    <t>שעור תשואה במהלך התקופה</t>
  </si>
  <si>
    <t>שווי משוערך</t>
  </si>
  <si>
    <t>כתובת הנכס</t>
  </si>
  <si>
    <t>סה"כ מקרקעין</t>
  </si>
  <si>
    <t>:סה"כ מקרקעין בישראל</t>
  </si>
  <si>
    <t>סה"כ מניב</t>
  </si>
  <si>
    <t>סה"כ לא מניב</t>
  </si>
  <si>
    <t>:סה"כ מקרקעין בחו"ל</t>
  </si>
  <si>
    <t xml:space="preserve"> 1.ז. השקעה בחברות מוחזקות</t>
  </si>
  <si>
    <t>שם המדרג</t>
  </si>
  <si>
    <t>שיעור הריבית</t>
  </si>
  <si>
    <t>תשואה לפדיון</t>
  </si>
  <si>
    <t>סה"כ השקעה בחברות מוחזקות</t>
  </si>
  <si>
    <t>סה"כ השקעות אחרות</t>
  </si>
  <si>
    <t xml:space="preserve"> 1.ט. יתרות התחייבות להשקעה</t>
  </si>
  <si>
    <t>סכום ההתחייבות</t>
  </si>
  <si>
    <t>תאריך סיום ההתחייבות</t>
  </si>
  <si>
    <t>סה'כ יתרות התחייבות להשקעה</t>
  </si>
  <si>
    <t xml:space="preserve"> * בעל ענין / צד קשור </t>
  </si>
  <si>
    <t>2.א. אג"ח קונצרי סחיר</t>
  </si>
  <si>
    <t>ריבית אפקטיבית</t>
  </si>
  <si>
    <t>עלות מתואמת</t>
  </si>
  <si>
    <t xml:space="preserve">אחוזים </t>
  </si>
  <si>
    <t>סה"כ אג"ח קונצרני סחיר</t>
  </si>
  <si>
    <t>סה"כ בחו"ל:</t>
  </si>
  <si>
    <t>2. ב. אג"ח קונצרני לא סחיר</t>
  </si>
  <si>
    <t>סה"כ אג"ח קונצרני לא סחיר</t>
  </si>
  <si>
    <t>בישראל</t>
  </si>
  <si>
    <t>2. ג. מסגרות אשראי מנוצלות ללווים</t>
  </si>
  <si>
    <t>סה"כ מסגרת אשראי מנוצלות ללווים</t>
  </si>
  <si>
    <t xml:space="preserve">סה"כ חברות זרות בחו"ל </t>
  </si>
  <si>
    <t>09:58:34</t>
  </si>
  <si>
    <t>בנק הפועלים - שקל חדש</t>
  </si>
  <si>
    <t>בנק הפועלים - פרנק שווצרי</t>
  </si>
  <si>
    <t>בנק הפועלים - לירה שטרלינג</t>
  </si>
  <si>
    <t>בנק הפועלים - דולר אמריקאי</t>
  </si>
  <si>
    <t>בנק הפועלים - דולר הונג קונג</t>
  </si>
  <si>
    <t>בנק הפועלים- אירו</t>
  </si>
  <si>
    <t>. אנרג'יקס-אנרגיות מתחדשות</t>
  </si>
  <si>
    <t>USN070592100</t>
  </si>
  <si>
    <t xml:space="preserve">מספר מסלול/קרן/קופה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%"/>
  </numFmts>
  <fonts count="19" x14ac:knownFonts="1">
    <font>
      <sz val="11"/>
      <color indexed="8"/>
      <name val="Arial"/>
      <family val="2"/>
      <scheme val="minor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10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b/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sz val="8"/>
      <name val="TAHOMA"/>
    </font>
    <font>
      <b/>
      <sz val="8"/>
      <name val="TAHOMA"/>
    </font>
  </fonts>
  <fills count="7">
    <fill>
      <patternFill patternType="none"/>
    </fill>
    <fill>
      <patternFill patternType="gray125"/>
    </fill>
    <fill>
      <patternFill patternType="solid">
        <fgColor indexed="11"/>
      </patternFill>
    </fill>
    <fill>
      <patternFill patternType="solid">
        <fgColor indexed="40"/>
      </patternFill>
    </fill>
    <fill>
      <patternFill patternType="solid">
        <fgColor indexed="9"/>
      </patternFill>
    </fill>
    <fill>
      <patternFill patternType="solid">
        <fgColor indexed="43"/>
      </patternFill>
    </fill>
    <fill>
      <patternFill patternType="solid">
        <fgColor indexed="52"/>
      </patternFill>
    </fill>
  </fills>
  <borders count="2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</borders>
  <cellStyleXfs count="1">
    <xf numFmtId="0" fontId="0" fillId="0" borderId="0"/>
  </cellStyleXfs>
  <cellXfs count="24">
    <xf numFmtId="0" fontId="0" fillId="0" borderId="0" xfId="0"/>
    <xf numFmtId="0" fontId="1" fillId="2" borderId="0" xfId="0" applyFont="1" applyFill="1" applyAlignment="1">
      <alignment horizontal="right" wrapText="1"/>
    </xf>
    <xf numFmtId="0" fontId="2" fillId="3" borderId="0" xfId="0" applyFont="1" applyFill="1" applyAlignment="1">
      <alignment horizontal="center" wrapText="1"/>
    </xf>
    <xf numFmtId="0" fontId="3" fillId="3" borderId="0" xfId="0" applyFont="1" applyFill="1" applyAlignment="1">
      <alignment horizontal="right" wrapText="1"/>
    </xf>
    <xf numFmtId="4" fontId="4" fillId="4" borderId="0" xfId="0" applyNumberFormat="1" applyFont="1" applyFill="1" applyAlignment="1">
      <alignment horizontal="right"/>
    </xf>
    <xf numFmtId="164" fontId="5" fillId="4" borderId="0" xfId="0" applyNumberFormat="1" applyFont="1" applyFill="1" applyAlignment="1">
      <alignment horizontal="right"/>
    </xf>
    <xf numFmtId="0" fontId="6" fillId="4" borderId="0" xfId="0" applyFont="1" applyFill="1" applyAlignment="1">
      <alignment horizontal="right" wrapText="1"/>
    </xf>
    <xf numFmtId="0" fontId="7" fillId="5" borderId="0" xfId="0" applyFont="1" applyFill="1" applyAlignment="1">
      <alignment horizontal="right"/>
    </xf>
    <xf numFmtId="0" fontId="8" fillId="6" borderId="0" xfId="0" applyFont="1" applyFill="1" applyAlignment="1">
      <alignment horizontal="right" wrapText="1"/>
    </xf>
    <xf numFmtId="164" fontId="9" fillId="6" borderId="0" xfId="0" applyNumberFormat="1" applyFont="1" applyFill="1" applyAlignment="1">
      <alignment horizontal="right"/>
    </xf>
    <xf numFmtId="4" fontId="10" fillId="6" borderId="0" xfId="0" applyNumberFormat="1" applyFont="1" applyFill="1" applyAlignment="1">
      <alignment horizontal="right"/>
    </xf>
    <xf numFmtId="164" fontId="11" fillId="3" borderId="0" xfId="0" applyNumberFormat="1" applyFont="1" applyFill="1" applyAlignment="1">
      <alignment horizontal="right"/>
    </xf>
    <xf numFmtId="4" fontId="12" fillId="3" borderId="0" xfId="0" applyNumberFormat="1" applyFont="1" applyFill="1" applyAlignment="1">
      <alignment horizontal="right"/>
    </xf>
    <xf numFmtId="0" fontId="13" fillId="4" borderId="1" xfId="0" applyFont="1" applyFill="1" applyBorder="1" applyAlignment="1" applyProtection="1">
      <alignment horizontal="right" wrapText="1"/>
      <protection locked="0"/>
    </xf>
    <xf numFmtId="1" fontId="14" fillId="4" borderId="1" xfId="0" applyNumberFormat="1" applyFont="1" applyFill="1" applyBorder="1" applyAlignment="1" applyProtection="1">
      <alignment horizontal="right"/>
      <protection locked="0"/>
    </xf>
    <xf numFmtId="164" fontId="15" fillId="4" borderId="1" xfId="0" applyNumberFormat="1" applyFont="1" applyFill="1" applyBorder="1" applyAlignment="1" applyProtection="1">
      <alignment horizontal="right"/>
      <protection locked="0"/>
    </xf>
    <xf numFmtId="4" fontId="16" fillId="4" borderId="1" xfId="0" applyNumberFormat="1" applyFont="1" applyFill="1" applyBorder="1" applyAlignment="1" applyProtection="1">
      <alignment horizontal="right"/>
      <protection locked="0"/>
    </xf>
    <xf numFmtId="164" fontId="17" fillId="3" borderId="0" xfId="0" applyNumberFormat="1" applyFont="1" applyFill="1" applyAlignment="1">
      <alignment horizontal="right"/>
    </xf>
    <xf numFmtId="0" fontId="18" fillId="2" borderId="0" xfId="0" applyFont="1" applyFill="1" applyAlignment="1">
      <alignment horizontal="right" wrapText="1" readingOrder="2"/>
    </xf>
    <xf numFmtId="0" fontId="13" fillId="0" borderId="1" xfId="0" applyFont="1" applyFill="1" applyBorder="1" applyAlignment="1" applyProtection="1">
      <alignment horizontal="right" wrapText="1"/>
      <protection locked="0"/>
    </xf>
    <xf numFmtId="1" fontId="14" fillId="0" borderId="1" xfId="0" applyNumberFormat="1" applyFont="1" applyFill="1" applyBorder="1" applyAlignment="1" applyProtection="1">
      <alignment horizontal="right"/>
      <protection locked="0"/>
    </xf>
    <xf numFmtId="4" fontId="16" fillId="0" borderId="1" xfId="0" applyNumberFormat="1" applyFont="1" applyFill="1" applyBorder="1" applyAlignment="1" applyProtection="1">
      <alignment horizontal="right"/>
      <protection locked="0"/>
    </xf>
    <xf numFmtId="164" fontId="15" fillId="0" borderId="1" xfId="0" applyNumberFormat="1" applyFont="1" applyFill="1" applyBorder="1" applyAlignment="1" applyProtection="1">
      <alignment horizontal="right"/>
      <protection locked="0"/>
    </xf>
    <xf numFmtId="0" fontId="0" fillId="0" borderId="0" xfId="0" applyFill="1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" Type="http://schemas.openxmlformats.org/officeDocument/2006/relationships/worksheet" Target="worksheets/sheet3.xml"/><Relationship Id="rId21" Type="http://schemas.openxmlformats.org/officeDocument/2006/relationships/worksheet" Target="worksheets/sheet21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styles" Target="style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/Relationships>
</file>

<file path=xl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53"/>
  <sheetViews>
    <sheetView rightToLeft="1" topLeftCell="A37" workbookViewId="0">
      <selection activeCell="B10" sqref="B10"/>
    </sheetView>
  </sheetViews>
  <sheetFormatPr defaultRowHeight="14.25" x14ac:dyDescent="0.2"/>
  <cols>
    <col min="1" max="1" width="2" customWidth="1"/>
    <col min="2" max="2" width="34" customWidth="1"/>
    <col min="3" max="3" width="16" customWidth="1"/>
    <col min="4" max="4" width="19" customWidth="1"/>
  </cols>
  <sheetData>
    <row r="1" spans="1:4" x14ac:dyDescent="0.2">
      <c r="B1" s="7" t="s">
        <v>0</v>
      </c>
      <c r="C1" s="7" t="s">
        <v>1</v>
      </c>
    </row>
    <row r="2" spans="1:4" x14ac:dyDescent="0.2">
      <c r="B2" s="7" t="s">
        <v>2</v>
      </c>
      <c r="C2" s="7" t="s">
        <v>3</v>
      </c>
    </row>
    <row r="3" spans="1:4" x14ac:dyDescent="0.2">
      <c r="B3" s="7" t="s">
        <v>4</v>
      </c>
      <c r="C3" s="7" t="s">
        <v>5</v>
      </c>
    </row>
    <row r="4" spans="1:4" x14ac:dyDescent="0.2">
      <c r="B4" s="7" t="s">
        <v>6</v>
      </c>
      <c r="C4" s="7">
        <v>1526</v>
      </c>
    </row>
    <row r="5" spans="1:4" x14ac:dyDescent="0.2">
      <c r="B5" s="7" t="s">
        <v>7</v>
      </c>
      <c r="C5" s="7" t="s">
        <v>7</v>
      </c>
    </row>
    <row r="6" spans="1:4" x14ac:dyDescent="0.2">
      <c r="A6" s="1" t="s">
        <v>7</v>
      </c>
      <c r="B6" s="1" t="s">
        <v>8</v>
      </c>
      <c r="C6" s="1" t="s">
        <v>7</v>
      </c>
      <c r="D6" s="1" t="s">
        <v>7</v>
      </c>
    </row>
    <row r="7" spans="1:4" x14ac:dyDescent="0.2">
      <c r="A7" s="2" t="s">
        <v>7</v>
      </c>
      <c r="B7" s="2" t="s">
        <v>7</v>
      </c>
      <c r="C7" s="2" t="s">
        <v>9</v>
      </c>
      <c r="D7" s="2" t="s">
        <v>10</v>
      </c>
    </row>
    <row r="8" spans="1:4" x14ac:dyDescent="0.2">
      <c r="A8" s="2" t="s">
        <v>7</v>
      </c>
      <c r="B8" s="2" t="s">
        <v>7</v>
      </c>
      <c r="C8" s="2" t="s">
        <v>11</v>
      </c>
      <c r="D8" s="2" t="s">
        <v>12</v>
      </c>
    </row>
    <row r="9" spans="1:4" x14ac:dyDescent="0.2">
      <c r="A9" s="2" t="s">
        <v>7</v>
      </c>
      <c r="B9" s="2" t="s">
        <v>7</v>
      </c>
      <c r="C9" s="2" t="s">
        <v>13</v>
      </c>
      <c r="D9" s="2" t="s">
        <v>14</v>
      </c>
    </row>
    <row r="10" spans="1:4" x14ac:dyDescent="0.2">
      <c r="A10" s="3" t="s">
        <v>7</v>
      </c>
      <c r="B10" s="3" t="s">
        <v>15</v>
      </c>
      <c r="C10" s="3" t="s">
        <v>7</v>
      </c>
      <c r="D10" s="3" t="s">
        <v>7</v>
      </c>
    </row>
    <row r="11" spans="1:4" x14ac:dyDescent="0.2">
      <c r="A11" s="3" t="s">
        <v>7</v>
      </c>
      <c r="B11" s="3" t="s">
        <v>16</v>
      </c>
      <c r="C11" s="4">
        <v>1476.22</v>
      </c>
      <c r="D11" s="5">
        <v>7.1400000000000005E-2</v>
      </c>
    </row>
    <row r="12" spans="1:4" x14ac:dyDescent="0.2">
      <c r="A12" s="3" t="s">
        <v>7</v>
      </c>
      <c r="B12" s="3" t="s">
        <v>17</v>
      </c>
      <c r="C12" s="3" t="s">
        <v>7</v>
      </c>
      <c r="D12" s="3" t="s">
        <v>7</v>
      </c>
    </row>
    <row r="13" spans="1:4" x14ac:dyDescent="0.2">
      <c r="A13" s="3" t="s">
        <v>7</v>
      </c>
      <c r="B13" s="3" t="s">
        <v>18</v>
      </c>
      <c r="C13" s="4">
        <v>0</v>
      </c>
      <c r="D13" s="5">
        <v>0</v>
      </c>
    </row>
    <row r="14" spans="1:4" x14ac:dyDescent="0.2">
      <c r="A14" s="3" t="s">
        <v>7</v>
      </c>
      <c r="B14" s="3" t="s">
        <v>19</v>
      </c>
      <c r="C14" s="4">
        <v>0</v>
      </c>
      <c r="D14" s="5">
        <v>0</v>
      </c>
    </row>
    <row r="15" spans="1:4" x14ac:dyDescent="0.2">
      <c r="A15" s="3" t="s">
        <v>7</v>
      </c>
      <c r="B15" s="3" t="s">
        <v>20</v>
      </c>
      <c r="C15" s="4">
        <v>0</v>
      </c>
      <c r="D15" s="5">
        <v>0</v>
      </c>
    </row>
    <row r="16" spans="1:4" x14ac:dyDescent="0.2">
      <c r="A16" s="3" t="s">
        <v>7</v>
      </c>
      <c r="B16" s="3" t="s">
        <v>21</v>
      </c>
      <c r="C16" s="4">
        <v>5481.23</v>
      </c>
      <c r="D16" s="5">
        <v>0.26529999999999998</v>
      </c>
    </row>
    <row r="17" spans="1:4" x14ac:dyDescent="0.2">
      <c r="A17" s="3" t="s">
        <v>7</v>
      </c>
      <c r="B17" s="3" t="s">
        <v>22</v>
      </c>
      <c r="C17" s="4">
        <v>12493.3</v>
      </c>
      <c r="D17" s="5">
        <v>0.60460000000000003</v>
      </c>
    </row>
    <row r="18" spans="1:4" x14ac:dyDescent="0.2">
      <c r="A18" s="3" t="s">
        <v>7</v>
      </c>
      <c r="B18" s="3" t="s">
        <v>23</v>
      </c>
      <c r="C18" s="4">
        <v>0</v>
      </c>
      <c r="D18" s="5">
        <v>0</v>
      </c>
    </row>
    <row r="19" spans="1:4" x14ac:dyDescent="0.2">
      <c r="A19" s="3" t="s">
        <v>7</v>
      </c>
      <c r="B19" s="3" t="s">
        <v>24</v>
      </c>
      <c r="C19" s="4">
        <v>0.81</v>
      </c>
      <c r="D19" s="5">
        <v>0</v>
      </c>
    </row>
    <row r="20" spans="1:4" x14ac:dyDescent="0.2">
      <c r="A20" s="3" t="s">
        <v>7</v>
      </c>
      <c r="B20" s="3" t="s">
        <v>25</v>
      </c>
      <c r="C20" s="4">
        <v>2.46</v>
      </c>
      <c r="D20" s="5">
        <v>1E-4</v>
      </c>
    </row>
    <row r="21" spans="1:4" x14ac:dyDescent="0.2">
      <c r="A21" s="3" t="s">
        <v>7</v>
      </c>
      <c r="B21" s="3" t="s">
        <v>26</v>
      </c>
      <c r="C21" s="4">
        <v>0</v>
      </c>
      <c r="D21" s="5">
        <v>0</v>
      </c>
    </row>
    <row r="22" spans="1:4" x14ac:dyDescent="0.2">
      <c r="A22" s="3" t="s">
        <v>7</v>
      </c>
      <c r="B22" s="3" t="s">
        <v>27</v>
      </c>
      <c r="C22" s="4">
        <v>0</v>
      </c>
      <c r="D22" s="5">
        <v>0</v>
      </c>
    </row>
    <row r="23" spans="1:4" x14ac:dyDescent="0.2">
      <c r="A23" s="3" t="s">
        <v>7</v>
      </c>
      <c r="B23" s="3" t="s">
        <v>28</v>
      </c>
      <c r="C23" s="3" t="s">
        <v>7</v>
      </c>
      <c r="D23" s="3" t="s">
        <v>7</v>
      </c>
    </row>
    <row r="24" spans="1:4" x14ac:dyDescent="0.2">
      <c r="A24" s="3" t="s">
        <v>7</v>
      </c>
      <c r="B24" s="3" t="s">
        <v>18</v>
      </c>
      <c r="C24" s="4">
        <v>0</v>
      </c>
      <c r="D24" s="5">
        <v>0</v>
      </c>
    </row>
    <row r="25" spans="1:4" x14ac:dyDescent="0.2">
      <c r="A25" s="3" t="s">
        <v>7</v>
      </c>
      <c r="B25" s="3" t="s">
        <v>19</v>
      </c>
      <c r="C25" s="4">
        <v>0</v>
      </c>
      <c r="D25" s="5">
        <v>0</v>
      </c>
    </row>
    <row r="26" spans="1:4" x14ac:dyDescent="0.2">
      <c r="A26" s="3" t="s">
        <v>7</v>
      </c>
      <c r="B26" s="3" t="s">
        <v>20</v>
      </c>
      <c r="C26" s="4">
        <v>0</v>
      </c>
      <c r="D26" s="5">
        <v>0</v>
      </c>
    </row>
    <row r="27" spans="1:4" x14ac:dyDescent="0.2">
      <c r="A27" s="3" t="s">
        <v>7</v>
      </c>
      <c r="B27" s="3" t="s">
        <v>21</v>
      </c>
      <c r="C27" s="4">
        <v>24.74</v>
      </c>
      <c r="D27" s="5">
        <v>1.1999999999999999E-3</v>
      </c>
    </row>
    <row r="28" spans="1:4" x14ac:dyDescent="0.2">
      <c r="A28" s="3" t="s">
        <v>7</v>
      </c>
      <c r="B28" s="3" t="s">
        <v>29</v>
      </c>
      <c r="C28" s="4">
        <v>598.01</v>
      </c>
      <c r="D28" s="5">
        <v>2.8899999999999999E-2</v>
      </c>
    </row>
    <row r="29" spans="1:4" x14ac:dyDescent="0.2">
      <c r="A29" s="3" t="s">
        <v>7</v>
      </c>
      <c r="B29" s="3" t="s">
        <v>30</v>
      </c>
      <c r="C29" s="4">
        <v>0</v>
      </c>
      <c r="D29" s="5">
        <v>0</v>
      </c>
    </row>
    <row r="30" spans="1:4" x14ac:dyDescent="0.2">
      <c r="A30" s="3" t="s">
        <v>7</v>
      </c>
      <c r="B30" s="3" t="s">
        <v>31</v>
      </c>
      <c r="C30" s="4">
        <v>0</v>
      </c>
      <c r="D30" s="5">
        <v>0</v>
      </c>
    </row>
    <row r="31" spans="1:4" x14ac:dyDescent="0.2">
      <c r="A31" s="3" t="s">
        <v>7</v>
      </c>
      <c r="B31" s="3" t="s">
        <v>32</v>
      </c>
      <c r="C31" s="4">
        <v>-182.72</v>
      </c>
      <c r="D31" s="5">
        <v>-8.8000000000000005E-3</v>
      </c>
    </row>
    <row r="32" spans="1:4" x14ac:dyDescent="0.2">
      <c r="A32" s="3" t="s">
        <v>7</v>
      </c>
      <c r="B32" s="3" t="s">
        <v>33</v>
      </c>
      <c r="C32" s="4">
        <v>0</v>
      </c>
      <c r="D32" s="5">
        <v>0</v>
      </c>
    </row>
    <row r="33" spans="1:4" x14ac:dyDescent="0.2">
      <c r="A33" s="3" t="s">
        <v>7</v>
      </c>
      <c r="B33" s="3" t="s">
        <v>34</v>
      </c>
      <c r="C33" s="4">
        <v>768.77</v>
      </c>
      <c r="D33" s="5">
        <v>3.7199999999999997E-2</v>
      </c>
    </row>
    <row r="34" spans="1:4" x14ac:dyDescent="0.2">
      <c r="A34" s="3" t="s">
        <v>7</v>
      </c>
      <c r="B34" s="3" t="s">
        <v>35</v>
      </c>
      <c r="C34" s="4">
        <v>0</v>
      </c>
      <c r="D34" s="5">
        <v>0</v>
      </c>
    </row>
    <row r="35" spans="1:4" x14ac:dyDescent="0.2">
      <c r="A35" s="3" t="s">
        <v>7</v>
      </c>
      <c r="B35" s="3" t="s">
        <v>36</v>
      </c>
      <c r="C35" s="4">
        <v>0</v>
      </c>
      <c r="D35" s="5">
        <v>0</v>
      </c>
    </row>
    <row r="36" spans="1:4" x14ac:dyDescent="0.2">
      <c r="A36" s="3" t="s">
        <v>7</v>
      </c>
      <c r="B36" s="3" t="s">
        <v>37</v>
      </c>
      <c r="C36" s="4">
        <v>0</v>
      </c>
      <c r="D36" s="5">
        <v>0</v>
      </c>
    </row>
    <row r="37" spans="1:4" x14ac:dyDescent="0.2">
      <c r="A37" s="3" t="s">
        <v>7</v>
      </c>
      <c r="B37" s="3" t="s">
        <v>38</v>
      </c>
      <c r="C37" s="4">
        <v>0</v>
      </c>
      <c r="D37" s="5">
        <v>0</v>
      </c>
    </row>
    <row r="38" spans="1:4" x14ac:dyDescent="0.2">
      <c r="A38" s="3" t="s">
        <v>7</v>
      </c>
      <c r="B38" s="3" t="s">
        <v>39</v>
      </c>
      <c r="C38" s="3" t="s">
        <v>7</v>
      </c>
      <c r="D38" s="3" t="s">
        <v>7</v>
      </c>
    </row>
    <row r="39" spans="1:4" x14ac:dyDescent="0.2">
      <c r="A39" s="3" t="s">
        <v>7</v>
      </c>
      <c r="B39" s="3" t="s">
        <v>40</v>
      </c>
      <c r="C39" s="4">
        <v>0</v>
      </c>
      <c r="D39" s="5">
        <v>0</v>
      </c>
    </row>
    <row r="40" spans="1:4" x14ac:dyDescent="0.2">
      <c r="A40" s="3" t="s">
        <v>7</v>
      </c>
      <c r="B40" s="3" t="s">
        <v>41</v>
      </c>
      <c r="C40" s="4">
        <v>0</v>
      </c>
      <c r="D40" s="5">
        <v>0</v>
      </c>
    </row>
    <row r="41" spans="1:4" x14ac:dyDescent="0.2">
      <c r="A41" s="3" t="s">
        <v>7</v>
      </c>
      <c r="B41" s="3" t="s">
        <v>42</v>
      </c>
      <c r="C41" s="4">
        <v>0</v>
      </c>
      <c r="D41" s="5">
        <v>0</v>
      </c>
    </row>
    <row r="42" spans="1:4" x14ac:dyDescent="0.2">
      <c r="A42" s="3" t="s">
        <v>7</v>
      </c>
      <c r="B42" s="3" t="s">
        <v>43</v>
      </c>
      <c r="C42" s="4">
        <v>20662.830000000002</v>
      </c>
      <c r="D42" s="5">
        <v>1</v>
      </c>
    </row>
    <row r="43" spans="1:4" x14ac:dyDescent="0.2">
      <c r="A43" s="3" t="s">
        <v>7</v>
      </c>
      <c r="B43" s="3" t="s">
        <v>44</v>
      </c>
      <c r="C43" s="3" t="s">
        <v>7</v>
      </c>
      <c r="D43" s="3" t="s">
        <v>7</v>
      </c>
    </row>
    <row r="44" spans="1:4" x14ac:dyDescent="0.2">
      <c r="A44" s="6" t="s">
        <v>7</v>
      </c>
      <c r="B44" s="6" t="s">
        <v>45</v>
      </c>
      <c r="C44" s="6" t="s">
        <v>7</v>
      </c>
      <c r="D44" s="6" t="s">
        <v>7</v>
      </c>
    </row>
    <row r="45" spans="1:4" x14ac:dyDescent="0.2">
      <c r="A45" s="3" t="s">
        <v>7</v>
      </c>
      <c r="B45" s="3" t="s">
        <v>7</v>
      </c>
      <c r="C45" s="3" t="s">
        <v>46</v>
      </c>
      <c r="D45" s="3" t="s">
        <v>47</v>
      </c>
    </row>
    <row r="46" spans="1:4" x14ac:dyDescent="0.2">
      <c r="A46" s="3" t="s">
        <v>7</v>
      </c>
      <c r="B46" s="3" t="s">
        <v>7</v>
      </c>
      <c r="C46" s="3" t="s">
        <v>13</v>
      </c>
      <c r="D46" s="3" t="s">
        <v>14</v>
      </c>
    </row>
    <row r="47" spans="1:4" x14ac:dyDescent="0.2">
      <c r="A47" s="3" t="s">
        <v>7</v>
      </c>
      <c r="B47" s="3" t="s">
        <v>7</v>
      </c>
      <c r="C47" s="6" t="s">
        <v>48</v>
      </c>
      <c r="D47" s="6" t="s">
        <v>49</v>
      </c>
    </row>
    <row r="48" spans="1:4" x14ac:dyDescent="0.2">
      <c r="A48" s="3" t="s">
        <v>7</v>
      </c>
      <c r="B48" s="3" t="s">
        <v>7</v>
      </c>
      <c r="C48" s="6" t="s">
        <v>50</v>
      </c>
      <c r="D48" s="6" t="s">
        <v>51</v>
      </c>
    </row>
    <row r="49" spans="1:4" x14ac:dyDescent="0.2">
      <c r="A49" s="3" t="s">
        <v>7</v>
      </c>
      <c r="B49" s="3" t="s">
        <v>7</v>
      </c>
      <c r="C49" s="6" t="s">
        <v>52</v>
      </c>
      <c r="D49" s="6" t="s">
        <v>53</v>
      </c>
    </row>
    <row r="50" spans="1:4" x14ac:dyDescent="0.2">
      <c r="A50" s="3" t="s">
        <v>7</v>
      </c>
      <c r="B50" s="3" t="s">
        <v>7</v>
      </c>
      <c r="C50" s="6" t="s">
        <v>54</v>
      </c>
      <c r="D50" s="6" t="s">
        <v>55</v>
      </c>
    </row>
    <row r="51" spans="1:4" x14ac:dyDescent="0.2">
      <c r="A51" s="3" t="s">
        <v>7</v>
      </c>
      <c r="B51" s="3" t="s">
        <v>7</v>
      </c>
      <c r="C51" s="6" t="s">
        <v>56</v>
      </c>
      <c r="D51" s="6" t="s">
        <v>57</v>
      </c>
    </row>
    <row r="52" spans="1:4" x14ac:dyDescent="0.2">
      <c r="A52" s="1" t="s">
        <v>7</v>
      </c>
      <c r="B52" s="1" t="s">
        <v>7</v>
      </c>
      <c r="C52" s="1" t="s">
        <v>7</v>
      </c>
      <c r="D52" s="1" t="s">
        <v>7</v>
      </c>
    </row>
    <row r="53" spans="1:4" x14ac:dyDescent="0.2">
      <c r="A53" s="7" t="s">
        <v>58</v>
      </c>
      <c r="B53" s="7" t="s">
        <v>59</v>
      </c>
    </row>
  </sheetData>
  <pageMargins left="0.7" right="0.7" top="0.75" bottom="0.75" header="0.3" footer="0.3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7"/>
  <sheetViews>
    <sheetView rightToLeft="1" topLeftCell="A13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28" customWidth="1"/>
    <col min="6" max="6" width="14" customWidth="1"/>
    <col min="7" max="7" width="10" customWidth="1"/>
    <col min="8" max="8" width="12" customWidth="1"/>
    <col min="9" max="9" width="10" customWidth="1"/>
    <col min="10" max="10" width="22" customWidth="1"/>
    <col min="11" max="11" width="24" customWidth="1"/>
    <col min="12" max="12" width="23" customWidth="1"/>
    <col min="13" max="13" width="11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52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37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3</v>
      </c>
      <c r="F8" s="1" t="s">
        <v>66</v>
      </c>
      <c r="G8" s="1" t="s">
        <v>100</v>
      </c>
      <c r="H8" s="1" t="s">
        <v>101</v>
      </c>
      <c r="I8" s="1" t="s">
        <v>69</v>
      </c>
      <c r="J8" s="1" t="s">
        <v>103</v>
      </c>
      <c r="K8" s="1" t="s">
        <v>70</v>
      </c>
      <c r="L8" s="1" t="s">
        <v>104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35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1:13" x14ac:dyDescent="0.2">
      <c r="A11" s="8" t="s">
        <v>7</v>
      </c>
      <c r="B11" s="8" t="s">
        <v>376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10">
        <v>2.46</v>
      </c>
      <c r="J11" s="8" t="s">
        <v>7</v>
      </c>
      <c r="K11" s="9">
        <v>1</v>
      </c>
      <c r="L11" s="9">
        <v>1E-4</v>
      </c>
      <c r="M11" s="8" t="s">
        <v>7</v>
      </c>
    </row>
    <row r="12" spans="1:13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2">
        <v>0</v>
      </c>
      <c r="J12" s="3" t="s">
        <v>7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377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2">
        <v>0</v>
      </c>
      <c r="J13" s="3" t="s">
        <v>7</v>
      </c>
      <c r="K13" s="11">
        <v>0</v>
      </c>
      <c r="L13" s="11">
        <v>0</v>
      </c>
      <c r="M13" s="3" t="s">
        <v>7</v>
      </c>
    </row>
    <row r="14" spans="1:13" x14ac:dyDescent="0.2">
      <c r="A14" s="3" t="s">
        <v>7</v>
      </c>
      <c r="B14" s="3" t="s">
        <v>378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2">
        <v>0</v>
      </c>
      <c r="J14" s="3" t="s">
        <v>7</v>
      </c>
      <c r="K14" s="11">
        <v>0</v>
      </c>
      <c r="L14" s="11">
        <v>0</v>
      </c>
      <c r="M14" s="3" t="s">
        <v>7</v>
      </c>
    </row>
    <row r="15" spans="1:13" x14ac:dyDescent="0.2">
      <c r="A15" s="3" t="s">
        <v>7</v>
      </c>
      <c r="B15" s="3" t="s">
        <v>379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2">
        <v>0</v>
      </c>
      <c r="J15" s="3" t="s">
        <v>7</v>
      </c>
      <c r="K15" s="11">
        <v>0</v>
      </c>
      <c r="L15" s="11">
        <v>0</v>
      </c>
      <c r="M15" s="3" t="s">
        <v>7</v>
      </c>
    </row>
    <row r="16" spans="1:13" x14ac:dyDescent="0.2">
      <c r="A16" s="3" t="s">
        <v>7</v>
      </c>
      <c r="B16" s="3" t="s">
        <v>288</v>
      </c>
      <c r="C16" s="3" t="s">
        <v>7</v>
      </c>
      <c r="D16" s="3" t="s">
        <v>7</v>
      </c>
      <c r="E16" s="3" t="s">
        <v>7</v>
      </c>
      <c r="F16" s="3" t="s">
        <v>7</v>
      </c>
      <c r="G16" s="12">
        <v>0</v>
      </c>
      <c r="H16" s="3" t="s">
        <v>7</v>
      </c>
      <c r="I16" s="12">
        <v>0</v>
      </c>
      <c r="J16" s="3" t="s">
        <v>7</v>
      </c>
      <c r="K16" s="11">
        <v>0</v>
      </c>
      <c r="L16" s="11">
        <v>0</v>
      </c>
      <c r="M16" s="3" t="s">
        <v>7</v>
      </c>
    </row>
    <row r="17" spans="1:13" x14ac:dyDescent="0.2">
      <c r="A17" s="3" t="s">
        <v>7</v>
      </c>
      <c r="B17" s="3" t="s">
        <v>92</v>
      </c>
      <c r="C17" s="3" t="s">
        <v>7</v>
      </c>
      <c r="D17" s="3" t="s">
        <v>7</v>
      </c>
      <c r="E17" s="3" t="s">
        <v>7</v>
      </c>
      <c r="F17" s="3" t="s">
        <v>7</v>
      </c>
      <c r="G17" s="12">
        <v>0</v>
      </c>
      <c r="H17" s="3" t="s">
        <v>7</v>
      </c>
      <c r="I17" s="12">
        <v>2.46</v>
      </c>
      <c r="J17" s="3" t="s">
        <v>7</v>
      </c>
      <c r="K17" s="11">
        <v>1</v>
      </c>
      <c r="L17" s="11">
        <v>1E-4</v>
      </c>
      <c r="M17" s="3" t="s">
        <v>7</v>
      </c>
    </row>
    <row r="18" spans="1:13" x14ac:dyDescent="0.2">
      <c r="A18" s="3" t="s">
        <v>7</v>
      </c>
      <c r="B18" s="3" t="s">
        <v>377</v>
      </c>
      <c r="C18" s="3" t="s">
        <v>7</v>
      </c>
      <c r="D18" s="3" t="s">
        <v>7</v>
      </c>
      <c r="E18" s="3" t="s">
        <v>7</v>
      </c>
      <c r="F18" s="3" t="s">
        <v>7</v>
      </c>
      <c r="G18" s="12">
        <v>0</v>
      </c>
      <c r="H18" s="3" t="s">
        <v>7</v>
      </c>
      <c r="I18" s="12">
        <v>2.46</v>
      </c>
      <c r="J18" s="3" t="s">
        <v>7</v>
      </c>
      <c r="K18" s="11">
        <v>1</v>
      </c>
      <c r="L18" s="11">
        <v>1E-4</v>
      </c>
      <c r="M18" s="3" t="s">
        <v>7</v>
      </c>
    </row>
    <row r="19" spans="1:13" x14ac:dyDescent="0.2">
      <c r="A19" s="13" t="s">
        <v>7</v>
      </c>
      <c r="B19" s="13" t="s">
        <v>380</v>
      </c>
      <c r="C19" s="13" t="s">
        <v>381</v>
      </c>
      <c r="D19" s="13" t="s">
        <v>190</v>
      </c>
      <c r="E19" s="13" t="s">
        <v>207</v>
      </c>
      <c r="F19" s="13" t="s">
        <v>48</v>
      </c>
      <c r="G19" s="16">
        <v>1</v>
      </c>
      <c r="H19" s="16">
        <v>474299.94</v>
      </c>
      <c r="I19" s="16">
        <v>15.81</v>
      </c>
      <c r="J19" s="15">
        <v>0</v>
      </c>
      <c r="K19" s="15">
        <v>6.4355000000000002</v>
      </c>
      <c r="L19" s="15">
        <v>8.0000000000000004E-4</v>
      </c>
      <c r="M19" s="14">
        <v>77722858</v>
      </c>
    </row>
    <row r="20" spans="1:13" x14ac:dyDescent="0.2">
      <c r="A20" s="13" t="s">
        <v>7</v>
      </c>
      <c r="B20" s="13" t="s">
        <v>382</v>
      </c>
      <c r="C20" s="13" t="s">
        <v>383</v>
      </c>
      <c r="D20" s="13" t="s">
        <v>190</v>
      </c>
      <c r="E20" s="13" t="s">
        <v>207</v>
      </c>
      <c r="F20" s="13" t="s">
        <v>48</v>
      </c>
      <c r="G20" s="16">
        <v>-1</v>
      </c>
      <c r="H20" s="16">
        <v>400599.88</v>
      </c>
      <c r="I20" s="16">
        <v>-13.36</v>
      </c>
      <c r="J20" s="15">
        <v>0</v>
      </c>
      <c r="K20" s="15">
        <v>-5.4355000000000002</v>
      </c>
      <c r="L20" s="15">
        <v>-5.9999999999999995E-4</v>
      </c>
      <c r="M20" s="14">
        <v>77722841</v>
      </c>
    </row>
    <row r="21" spans="1:13" x14ac:dyDescent="0.2">
      <c r="A21" s="3" t="s">
        <v>7</v>
      </c>
      <c r="B21" s="3" t="s">
        <v>384</v>
      </c>
      <c r="C21" s="3" t="s">
        <v>7</v>
      </c>
      <c r="D21" s="3" t="s">
        <v>7</v>
      </c>
      <c r="E21" s="3" t="s">
        <v>7</v>
      </c>
      <c r="F21" s="3" t="s">
        <v>7</v>
      </c>
      <c r="G21" s="12">
        <v>0</v>
      </c>
      <c r="H21" s="3" t="s">
        <v>7</v>
      </c>
      <c r="I21" s="12">
        <v>0</v>
      </c>
      <c r="J21" s="3" t="s">
        <v>7</v>
      </c>
      <c r="K21" s="11">
        <v>0</v>
      </c>
      <c r="L21" s="11">
        <v>0</v>
      </c>
      <c r="M21" s="3" t="s">
        <v>7</v>
      </c>
    </row>
    <row r="22" spans="1:13" x14ac:dyDescent="0.2">
      <c r="A22" s="3" t="s">
        <v>7</v>
      </c>
      <c r="B22" s="3" t="s">
        <v>379</v>
      </c>
      <c r="C22" s="3" t="s">
        <v>7</v>
      </c>
      <c r="D22" s="3" t="s">
        <v>7</v>
      </c>
      <c r="E22" s="3" t="s">
        <v>7</v>
      </c>
      <c r="F22" s="3" t="s">
        <v>7</v>
      </c>
      <c r="G22" s="12">
        <v>0</v>
      </c>
      <c r="H22" s="3" t="s">
        <v>7</v>
      </c>
      <c r="I22" s="12">
        <v>0</v>
      </c>
      <c r="J22" s="3" t="s">
        <v>7</v>
      </c>
      <c r="K22" s="11">
        <v>0</v>
      </c>
      <c r="L22" s="11">
        <v>0</v>
      </c>
      <c r="M22" s="3" t="s">
        <v>7</v>
      </c>
    </row>
    <row r="23" spans="1:13" x14ac:dyDescent="0.2">
      <c r="A23" s="3" t="s">
        <v>7</v>
      </c>
      <c r="B23" s="3" t="s">
        <v>385</v>
      </c>
      <c r="C23" s="3" t="s">
        <v>7</v>
      </c>
      <c r="D23" s="3" t="s">
        <v>7</v>
      </c>
      <c r="E23" s="3" t="s">
        <v>7</v>
      </c>
      <c r="F23" s="3" t="s">
        <v>7</v>
      </c>
      <c r="G23" s="12">
        <v>0</v>
      </c>
      <c r="H23" s="3" t="s">
        <v>7</v>
      </c>
      <c r="I23" s="12">
        <v>0</v>
      </c>
      <c r="J23" s="3" t="s">
        <v>7</v>
      </c>
      <c r="K23" s="11">
        <v>0</v>
      </c>
      <c r="L23" s="11">
        <v>0</v>
      </c>
      <c r="M23" s="3" t="s">
        <v>7</v>
      </c>
    </row>
    <row r="24" spans="1:13" x14ac:dyDescent="0.2">
      <c r="A24" s="3" t="s">
        <v>7</v>
      </c>
      <c r="B24" s="3" t="s">
        <v>288</v>
      </c>
      <c r="C24" s="3" t="s">
        <v>7</v>
      </c>
      <c r="D24" s="3" t="s">
        <v>7</v>
      </c>
      <c r="E24" s="3" t="s">
        <v>7</v>
      </c>
      <c r="F24" s="3" t="s">
        <v>7</v>
      </c>
      <c r="G24" s="12">
        <v>0</v>
      </c>
      <c r="H24" s="3" t="s">
        <v>7</v>
      </c>
      <c r="I24" s="12">
        <v>0</v>
      </c>
      <c r="J24" s="3" t="s">
        <v>7</v>
      </c>
      <c r="K24" s="11">
        <v>0</v>
      </c>
      <c r="L24" s="11">
        <v>0</v>
      </c>
      <c r="M24" s="3" t="s">
        <v>7</v>
      </c>
    </row>
    <row r="25" spans="1:13" x14ac:dyDescent="0.2">
      <c r="A25" s="8" t="s">
        <v>7</v>
      </c>
      <c r="B25" s="8" t="s">
        <v>94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">
      <c r="A26" s="8" t="s">
        <v>7</v>
      </c>
      <c r="B26" s="8" t="s">
        <v>120</v>
      </c>
      <c r="C26" s="8" t="s">
        <v>7</v>
      </c>
      <c r="D26" s="8" t="s">
        <v>7</v>
      </c>
      <c r="E26" s="8" t="s">
        <v>7</v>
      </c>
      <c r="F26" s="8" t="s">
        <v>7</v>
      </c>
      <c r="G26" s="8" t="s">
        <v>7</v>
      </c>
      <c r="H26" s="8" t="s">
        <v>7</v>
      </c>
      <c r="I26" s="8" t="s">
        <v>7</v>
      </c>
      <c r="J26" s="8" t="s">
        <v>7</v>
      </c>
      <c r="K26" s="8" t="s">
        <v>7</v>
      </c>
      <c r="L26" s="8" t="s">
        <v>7</v>
      </c>
      <c r="M26" s="8" t="s">
        <v>7</v>
      </c>
    </row>
    <row r="27" spans="1:13" x14ac:dyDescent="0.2">
      <c r="A27" s="7" t="s">
        <v>278</v>
      </c>
      <c r="B27" s="7" t="s">
        <v>59</v>
      </c>
    </row>
  </sheetData>
  <pageMargins left="0.7" right="0.7" top="0.75" bottom="0.75" header="0.3" footer="0.3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6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7" width="10" customWidth="1"/>
    <col min="8" max="8" width="8" customWidth="1"/>
    <col min="9" max="9" width="10" customWidth="1"/>
    <col min="10" max="10" width="24" customWidth="1"/>
    <col min="11" max="11" width="21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52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38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3</v>
      </c>
      <c r="F8" s="1" t="s">
        <v>66</v>
      </c>
      <c r="G8" s="1" t="s">
        <v>100</v>
      </c>
      <c r="H8" s="1" t="s">
        <v>101</v>
      </c>
      <c r="I8" s="1" t="s">
        <v>69</v>
      </c>
      <c r="J8" s="1" t="s">
        <v>70</v>
      </c>
      <c r="K8" s="1" t="s">
        <v>71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6</v>
      </c>
      <c r="H9" s="1" t="s">
        <v>107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1:12" x14ac:dyDescent="0.2">
      <c r="A11" s="8" t="s">
        <v>7</v>
      </c>
      <c r="B11" s="8" t="s">
        <v>387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10">
        <v>0</v>
      </c>
      <c r="J11" s="9">
        <v>0</v>
      </c>
      <c r="K11" s="9">
        <v>0</v>
      </c>
      <c r="L11" s="8" t="s">
        <v>7</v>
      </c>
    </row>
    <row r="12" spans="1:12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2">
        <v>0</v>
      </c>
      <c r="J12" s="11">
        <v>0</v>
      </c>
      <c r="K12" s="11">
        <v>0</v>
      </c>
      <c r="L12" s="3" t="s">
        <v>7</v>
      </c>
    </row>
    <row r="13" spans="1:12" x14ac:dyDescent="0.2">
      <c r="A13" s="3" t="s">
        <v>7</v>
      </c>
      <c r="B13" s="3" t="s">
        <v>92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2">
        <v>0</v>
      </c>
      <c r="J13" s="11">
        <v>0</v>
      </c>
      <c r="K13" s="11">
        <v>0</v>
      </c>
      <c r="L13" s="3" t="s">
        <v>7</v>
      </c>
    </row>
    <row r="14" spans="1:12" x14ac:dyDescent="0.2">
      <c r="A14" s="8" t="s">
        <v>7</v>
      </c>
      <c r="B14" s="8" t="s">
        <v>94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  <c r="L14" s="8" t="s">
        <v>7</v>
      </c>
    </row>
    <row r="15" spans="1:12" x14ac:dyDescent="0.2">
      <c r="A15" s="8" t="s">
        <v>7</v>
      </c>
      <c r="B15" s="8" t="s">
        <v>120</v>
      </c>
      <c r="C15" s="8" t="s">
        <v>7</v>
      </c>
      <c r="D15" s="8" t="s">
        <v>7</v>
      </c>
      <c r="E15" s="8" t="s">
        <v>7</v>
      </c>
      <c r="F15" s="8" t="s">
        <v>7</v>
      </c>
      <c r="G15" s="8" t="s">
        <v>7</v>
      </c>
      <c r="H15" s="8" t="s">
        <v>7</v>
      </c>
      <c r="I15" s="8" t="s">
        <v>7</v>
      </c>
      <c r="J15" s="8" t="s">
        <v>7</v>
      </c>
      <c r="K15" s="8" t="s">
        <v>7</v>
      </c>
      <c r="L15" s="8" t="s">
        <v>7</v>
      </c>
    </row>
    <row r="16" spans="1:12" x14ac:dyDescent="0.2">
      <c r="A16" s="7" t="s">
        <v>278</v>
      </c>
      <c r="B16" s="7" t="s">
        <v>59</v>
      </c>
    </row>
  </sheetData>
  <pageMargins left="0.7" right="0.7" top="0.75" bottom="0.75" header="0.3" footer="0.3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2"/>
  <sheetViews>
    <sheetView rightToLeft="1" topLeftCell="A7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0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1:18" x14ac:dyDescent="0.2">
      <c r="B1" s="7" t="s">
        <v>0</v>
      </c>
      <c r="C1" s="7" t="s">
        <v>1</v>
      </c>
    </row>
    <row r="2" spans="1:18" x14ac:dyDescent="0.2">
      <c r="B2" s="7" t="s">
        <v>2</v>
      </c>
      <c r="C2" s="7" t="s">
        <v>3</v>
      </c>
    </row>
    <row r="3" spans="1:18" x14ac:dyDescent="0.2">
      <c r="B3" s="7" t="s">
        <v>4</v>
      </c>
      <c r="C3" s="7" t="s">
        <v>5</v>
      </c>
    </row>
    <row r="4" spans="1:18" x14ac:dyDescent="0.2">
      <c r="B4" s="7" t="s">
        <v>6</v>
      </c>
      <c r="C4" s="7">
        <v>1526</v>
      </c>
    </row>
    <row r="5" spans="1:18" x14ac:dyDescent="0.2">
      <c r="B5" s="7" t="s">
        <v>7</v>
      </c>
      <c r="C5" s="7" t="s">
        <v>7</v>
      </c>
    </row>
    <row r="6" spans="1:18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1:18" x14ac:dyDescent="0.2">
      <c r="A7" s="1" t="s">
        <v>7</v>
      </c>
      <c r="B7" s="1" t="s">
        <v>38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1:18" x14ac:dyDescent="0.2">
      <c r="A8" s="1" t="s">
        <v>7</v>
      </c>
      <c r="B8" s="1" t="s">
        <v>61</v>
      </c>
      <c r="C8" s="1" t="s">
        <v>62</v>
      </c>
      <c r="D8" s="1" t="s">
        <v>389</v>
      </c>
      <c r="E8" s="1" t="s">
        <v>64</v>
      </c>
      <c r="F8" s="1" t="s">
        <v>65</v>
      </c>
      <c r="G8" s="1" t="s">
        <v>98</v>
      </c>
      <c r="H8" s="1" t="s">
        <v>99</v>
      </c>
      <c r="I8" s="1" t="s">
        <v>66</v>
      </c>
      <c r="J8" s="1" t="s">
        <v>67</v>
      </c>
      <c r="K8" s="1" t="s">
        <v>68</v>
      </c>
      <c r="L8" s="1" t="s">
        <v>100</v>
      </c>
      <c r="M8" s="1" t="s">
        <v>101</v>
      </c>
      <c r="N8" s="1" t="s">
        <v>69</v>
      </c>
      <c r="O8" s="1" t="s">
        <v>103</v>
      </c>
      <c r="P8" s="1" t="s">
        <v>70</v>
      </c>
      <c r="Q8" s="1" t="s">
        <v>104</v>
      </c>
      <c r="R8" s="1" t="s">
        <v>7</v>
      </c>
    </row>
    <row r="9" spans="1:18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5</v>
      </c>
      <c r="I9" s="1" t="s">
        <v>7</v>
      </c>
      <c r="J9" s="1" t="s">
        <v>12</v>
      </c>
      <c r="K9" s="1" t="s">
        <v>12</v>
      </c>
      <c r="L9" s="1" t="s">
        <v>106</v>
      </c>
      <c r="M9" s="1" t="s">
        <v>107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1:18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7</v>
      </c>
    </row>
    <row r="11" spans="1:18" x14ac:dyDescent="0.2">
      <c r="A11" s="8" t="s">
        <v>7</v>
      </c>
      <c r="B11" s="8" t="s">
        <v>390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10">
        <v>0</v>
      </c>
      <c r="M11" s="8" t="s">
        <v>7</v>
      </c>
      <c r="N11" s="10">
        <v>0</v>
      </c>
      <c r="O11" s="8" t="s">
        <v>7</v>
      </c>
      <c r="P11" s="9">
        <v>0</v>
      </c>
      <c r="Q11" s="9">
        <v>0</v>
      </c>
      <c r="R11" s="8" t="s">
        <v>7</v>
      </c>
    </row>
    <row r="12" spans="1:18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12">
        <v>0</v>
      </c>
      <c r="M12" s="3" t="s">
        <v>7</v>
      </c>
      <c r="N12" s="12">
        <v>0</v>
      </c>
      <c r="O12" s="3" t="s">
        <v>7</v>
      </c>
      <c r="P12" s="11">
        <v>0</v>
      </c>
      <c r="Q12" s="11">
        <v>0</v>
      </c>
      <c r="R12" s="3" t="s">
        <v>7</v>
      </c>
    </row>
    <row r="13" spans="1:18" x14ac:dyDescent="0.2">
      <c r="A13" s="3" t="s">
        <v>7</v>
      </c>
      <c r="B13" s="3" t="s">
        <v>39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12">
        <v>0</v>
      </c>
      <c r="M13" s="3" t="s">
        <v>7</v>
      </c>
      <c r="N13" s="12">
        <v>0</v>
      </c>
      <c r="O13" s="3" t="s">
        <v>7</v>
      </c>
      <c r="P13" s="11">
        <v>0</v>
      </c>
      <c r="Q13" s="11">
        <v>0</v>
      </c>
      <c r="R13" s="3" t="s">
        <v>7</v>
      </c>
    </row>
    <row r="14" spans="1:18" x14ac:dyDescent="0.2">
      <c r="A14" s="3" t="s">
        <v>7</v>
      </c>
      <c r="B14" s="3" t="s">
        <v>392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12">
        <v>0</v>
      </c>
      <c r="M14" s="3" t="s">
        <v>7</v>
      </c>
      <c r="N14" s="12">
        <v>0</v>
      </c>
      <c r="O14" s="3" t="s">
        <v>7</v>
      </c>
      <c r="P14" s="11">
        <v>0</v>
      </c>
      <c r="Q14" s="11">
        <v>0</v>
      </c>
      <c r="R14" s="3" t="s">
        <v>7</v>
      </c>
    </row>
    <row r="15" spans="1:18" x14ac:dyDescent="0.2">
      <c r="A15" s="3" t="s">
        <v>7</v>
      </c>
      <c r="B15" s="3" t="s">
        <v>393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12">
        <v>0</v>
      </c>
      <c r="M15" s="3" t="s">
        <v>7</v>
      </c>
      <c r="N15" s="12">
        <v>0</v>
      </c>
      <c r="O15" s="3" t="s">
        <v>7</v>
      </c>
      <c r="P15" s="11">
        <v>0</v>
      </c>
      <c r="Q15" s="11">
        <v>0</v>
      </c>
      <c r="R15" s="3" t="s">
        <v>7</v>
      </c>
    </row>
    <row r="16" spans="1:18" x14ac:dyDescent="0.2">
      <c r="A16" s="3" t="s">
        <v>7</v>
      </c>
      <c r="B16" s="3" t="s">
        <v>92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0</v>
      </c>
      <c r="I16" s="3" t="s">
        <v>7</v>
      </c>
      <c r="J16" s="11">
        <v>0</v>
      </c>
      <c r="K16" s="11">
        <v>0</v>
      </c>
      <c r="L16" s="12">
        <v>0</v>
      </c>
      <c r="M16" s="3" t="s">
        <v>7</v>
      </c>
      <c r="N16" s="12">
        <v>0</v>
      </c>
      <c r="O16" s="3" t="s">
        <v>7</v>
      </c>
      <c r="P16" s="11">
        <v>0</v>
      </c>
      <c r="Q16" s="11">
        <v>0</v>
      </c>
      <c r="R16" s="3" t="s">
        <v>7</v>
      </c>
    </row>
    <row r="17" spans="1:18" x14ac:dyDescent="0.2">
      <c r="A17" s="3" t="s">
        <v>7</v>
      </c>
      <c r="B17" s="3" t="s">
        <v>39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12">
        <v>0</v>
      </c>
      <c r="M17" s="3" t="s">
        <v>7</v>
      </c>
      <c r="N17" s="12">
        <v>0</v>
      </c>
      <c r="O17" s="3" t="s">
        <v>7</v>
      </c>
      <c r="P17" s="11">
        <v>0</v>
      </c>
      <c r="Q17" s="11">
        <v>0</v>
      </c>
      <c r="R17" s="3" t="s">
        <v>7</v>
      </c>
    </row>
    <row r="18" spans="1:18" x14ac:dyDescent="0.2">
      <c r="A18" s="3" t="s">
        <v>7</v>
      </c>
      <c r="B18" s="3" t="s">
        <v>392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12">
        <v>0</v>
      </c>
      <c r="M18" s="3" t="s">
        <v>7</v>
      </c>
      <c r="N18" s="12">
        <v>0</v>
      </c>
      <c r="O18" s="3" t="s">
        <v>7</v>
      </c>
      <c r="P18" s="11">
        <v>0</v>
      </c>
      <c r="Q18" s="11">
        <v>0</v>
      </c>
      <c r="R18" s="3" t="s">
        <v>7</v>
      </c>
    </row>
    <row r="19" spans="1:18" x14ac:dyDescent="0.2">
      <c r="A19" s="3" t="s">
        <v>7</v>
      </c>
      <c r="B19" s="3" t="s">
        <v>394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12">
        <v>0</v>
      </c>
      <c r="I19" s="3" t="s">
        <v>7</v>
      </c>
      <c r="J19" s="11">
        <v>0</v>
      </c>
      <c r="K19" s="11">
        <v>0</v>
      </c>
      <c r="L19" s="12">
        <v>0</v>
      </c>
      <c r="M19" s="3" t="s">
        <v>7</v>
      </c>
      <c r="N19" s="12">
        <v>0</v>
      </c>
      <c r="O19" s="3" t="s">
        <v>7</v>
      </c>
      <c r="P19" s="11">
        <v>0</v>
      </c>
      <c r="Q19" s="11">
        <v>0</v>
      </c>
      <c r="R19" s="3" t="s">
        <v>7</v>
      </c>
    </row>
    <row r="20" spans="1:18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</row>
    <row r="21" spans="1:18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</row>
    <row r="22" spans="1:18" x14ac:dyDescent="0.2">
      <c r="A22" s="7" t="s">
        <v>278</v>
      </c>
      <c r="B22" s="7" t="s">
        <v>59</v>
      </c>
    </row>
  </sheetData>
  <pageMargins left="0.7" right="0.7" top="0.75" bottom="0.75" header="0.3" footer="0.3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8"/>
  <sheetViews>
    <sheetView rightToLeft="1" workbookViewId="0"/>
  </sheetViews>
  <sheetFormatPr defaultRowHeight="14.25" x14ac:dyDescent="0.2"/>
  <cols>
    <col min="1" max="1" width="2" customWidth="1"/>
    <col min="2" max="2" width="45" customWidth="1"/>
    <col min="3" max="3" width="11" customWidth="1"/>
    <col min="4" max="4" width="7" customWidth="1"/>
    <col min="5" max="5" width="9" customWidth="1"/>
    <col min="6" max="6" width="13" customWidth="1"/>
    <col min="7" max="7" width="6" customWidth="1"/>
    <col min="8" max="8" width="10" customWidth="1"/>
    <col min="9" max="9" width="13" customWidth="1"/>
    <col min="10" max="10" width="15" customWidth="1"/>
    <col min="11" max="11" width="10" customWidth="1"/>
    <col min="12" max="12" width="8" customWidth="1"/>
    <col min="13" max="13" width="11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52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39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</row>
    <row r="8" spans="1:17" x14ac:dyDescent="0.2">
      <c r="A8" s="1" t="s">
        <v>7</v>
      </c>
      <c r="B8" s="1" t="s">
        <v>61</v>
      </c>
      <c r="C8" s="1" t="s">
        <v>62</v>
      </c>
      <c r="D8" s="1" t="s">
        <v>64</v>
      </c>
      <c r="E8" s="1" t="s">
        <v>65</v>
      </c>
      <c r="F8" s="1" t="s">
        <v>98</v>
      </c>
      <c r="G8" s="1" t="s">
        <v>99</v>
      </c>
      <c r="H8" s="1" t="s">
        <v>66</v>
      </c>
      <c r="I8" s="1" t="s">
        <v>67</v>
      </c>
      <c r="J8" s="1" t="s">
        <v>68</v>
      </c>
      <c r="K8" s="1" t="s">
        <v>100</v>
      </c>
      <c r="L8" s="1" t="s">
        <v>101</v>
      </c>
      <c r="M8" s="1" t="s">
        <v>9</v>
      </c>
      <c r="N8" s="1" t="s">
        <v>103</v>
      </c>
      <c r="O8" s="1" t="s">
        <v>70</v>
      </c>
      <c r="P8" s="1" t="s">
        <v>104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134</v>
      </c>
      <c r="G9" s="1" t="s">
        <v>105</v>
      </c>
      <c r="H9" s="1" t="s">
        <v>7</v>
      </c>
      <c r="I9" s="1" t="s">
        <v>12</v>
      </c>
      <c r="J9" s="1" t="s">
        <v>12</v>
      </c>
      <c r="K9" s="1" t="s">
        <v>106</v>
      </c>
      <c r="L9" s="1" t="s">
        <v>107</v>
      </c>
      <c r="M9" s="1" t="s">
        <v>11</v>
      </c>
      <c r="N9" s="1" t="s">
        <v>12</v>
      </c>
      <c r="O9" s="1" t="s">
        <v>12</v>
      </c>
      <c r="P9" s="1" t="s">
        <v>12</v>
      </c>
      <c r="Q9" s="1" t="s">
        <v>7</v>
      </c>
    </row>
    <row r="10" spans="1:17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7</v>
      </c>
    </row>
    <row r="11" spans="1:17" x14ac:dyDescent="0.2">
      <c r="A11" s="8" t="s">
        <v>7</v>
      </c>
      <c r="B11" s="8" t="s">
        <v>114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0</v>
      </c>
      <c r="H11" s="8" t="s">
        <v>7</v>
      </c>
      <c r="I11" s="9">
        <v>0</v>
      </c>
      <c r="J11" s="9">
        <v>0</v>
      </c>
      <c r="K11" s="10">
        <v>0</v>
      </c>
      <c r="L11" s="8" t="s">
        <v>7</v>
      </c>
      <c r="M11" s="10">
        <v>0</v>
      </c>
      <c r="N11" s="8" t="s">
        <v>7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1">
        <v>0</v>
      </c>
      <c r="J12" s="11">
        <v>0</v>
      </c>
      <c r="K12" s="12">
        <v>0</v>
      </c>
      <c r="L12" s="3" t="s">
        <v>7</v>
      </c>
      <c r="M12" s="12">
        <v>0</v>
      </c>
      <c r="N12" s="3" t="s">
        <v>7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92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1">
        <v>0</v>
      </c>
      <c r="J13" s="11">
        <v>0</v>
      </c>
      <c r="K13" s="12">
        <v>0</v>
      </c>
      <c r="L13" s="3" t="s">
        <v>7</v>
      </c>
      <c r="M13" s="12">
        <v>0</v>
      </c>
      <c r="N13" s="3" t="s">
        <v>7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18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1">
        <v>0</v>
      </c>
      <c r="J14" s="11">
        <v>0</v>
      </c>
      <c r="K14" s="12">
        <v>0</v>
      </c>
      <c r="L14" s="3" t="s">
        <v>7</v>
      </c>
      <c r="M14" s="12">
        <v>0</v>
      </c>
      <c r="N14" s="3" t="s">
        <v>7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397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1">
        <v>0</v>
      </c>
      <c r="J15" s="11">
        <v>0</v>
      </c>
      <c r="K15" s="12">
        <v>0</v>
      </c>
      <c r="L15" s="3" t="s">
        <v>7</v>
      </c>
      <c r="M15" s="12">
        <v>0</v>
      </c>
      <c r="N15" s="3" t="s">
        <v>7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94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8" t="s">
        <v>7</v>
      </c>
      <c r="B17" s="8" t="s">
        <v>120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  <c r="M17" s="8" t="s">
        <v>7</v>
      </c>
      <c r="N17" s="8" t="s">
        <v>7</v>
      </c>
      <c r="O17" s="8" t="s">
        <v>7</v>
      </c>
      <c r="P17" s="8" t="s">
        <v>7</v>
      </c>
      <c r="Q17" s="8" t="s">
        <v>7</v>
      </c>
    </row>
    <row r="18" spans="1:17" x14ac:dyDescent="0.2">
      <c r="A18" s="7" t="s">
        <v>278</v>
      </c>
      <c r="B18" s="7" t="s">
        <v>59</v>
      </c>
    </row>
  </sheetData>
  <pageMargins left="0.7" right="0.7" top="0.75" bottom="0.75" header="0.3" footer="0.3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2"/>
  <sheetViews>
    <sheetView rightToLeft="1" topLeftCell="A10" workbookViewId="0"/>
  </sheetViews>
  <sheetFormatPr defaultRowHeight="14.25" x14ac:dyDescent="0.2"/>
  <cols>
    <col min="1" max="1" width="2" customWidth="1"/>
    <col min="2" max="2" width="43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1:20" x14ac:dyDescent="0.2">
      <c r="B1" s="7" t="s">
        <v>0</v>
      </c>
      <c r="C1" s="7" t="s">
        <v>1</v>
      </c>
    </row>
    <row r="2" spans="1:20" x14ac:dyDescent="0.2">
      <c r="B2" s="7" t="s">
        <v>2</v>
      </c>
      <c r="C2" s="7" t="s">
        <v>3</v>
      </c>
    </row>
    <row r="3" spans="1:20" x14ac:dyDescent="0.2">
      <c r="B3" s="7" t="s">
        <v>4</v>
      </c>
      <c r="C3" s="7" t="s">
        <v>5</v>
      </c>
    </row>
    <row r="4" spans="1:20" x14ac:dyDescent="0.2">
      <c r="B4" s="7" t="s">
        <v>6</v>
      </c>
      <c r="C4" s="7">
        <v>1526</v>
      </c>
    </row>
    <row r="5" spans="1:20" x14ac:dyDescent="0.2">
      <c r="B5" s="7" t="s">
        <v>7</v>
      </c>
      <c r="C5" s="7" t="s">
        <v>7</v>
      </c>
    </row>
    <row r="6" spans="1:20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1:20" x14ac:dyDescent="0.2">
      <c r="A7" s="1" t="s">
        <v>7</v>
      </c>
      <c r="B7" s="1" t="s">
        <v>39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1:20" x14ac:dyDescent="0.2">
      <c r="A8" s="1" t="s">
        <v>7</v>
      </c>
      <c r="B8" s="1" t="s">
        <v>61</v>
      </c>
      <c r="C8" s="1" t="s">
        <v>62</v>
      </c>
      <c r="D8" s="1" t="s">
        <v>122</v>
      </c>
      <c r="E8" s="1" t="s">
        <v>63</v>
      </c>
      <c r="F8" s="1" t="s">
        <v>123</v>
      </c>
      <c r="G8" s="1" t="s">
        <v>64</v>
      </c>
      <c r="H8" s="1" t="s">
        <v>65</v>
      </c>
      <c r="I8" s="1" t="s">
        <v>98</v>
      </c>
      <c r="J8" s="1" t="s">
        <v>99</v>
      </c>
      <c r="K8" s="1" t="s">
        <v>66</v>
      </c>
      <c r="L8" s="1" t="s">
        <v>67</v>
      </c>
      <c r="M8" s="1" t="s">
        <v>68</v>
      </c>
      <c r="N8" s="1" t="s">
        <v>100</v>
      </c>
      <c r="O8" s="1" t="s">
        <v>101</v>
      </c>
      <c r="P8" s="1" t="s">
        <v>9</v>
      </c>
      <c r="Q8" s="1" t="s">
        <v>103</v>
      </c>
      <c r="R8" s="1" t="s">
        <v>70</v>
      </c>
      <c r="S8" s="1" t="s">
        <v>104</v>
      </c>
      <c r="T8" s="1" t="s">
        <v>7</v>
      </c>
    </row>
    <row r="9" spans="1:20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34</v>
      </c>
      <c r="J9" s="1" t="s">
        <v>105</v>
      </c>
      <c r="K9" s="1" t="s">
        <v>7</v>
      </c>
      <c r="L9" s="1" t="s">
        <v>12</v>
      </c>
      <c r="M9" s="1" t="s">
        <v>12</v>
      </c>
      <c r="N9" s="1" t="s">
        <v>106</v>
      </c>
      <c r="O9" s="1" t="s">
        <v>107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1:20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113</v>
      </c>
      <c r="S10" s="1" t="s">
        <v>124</v>
      </c>
      <c r="T10" s="1" t="s">
        <v>7</v>
      </c>
    </row>
    <row r="11" spans="1:20" x14ac:dyDescent="0.2">
      <c r="A11" s="8" t="s">
        <v>7</v>
      </c>
      <c r="B11" s="8" t="s">
        <v>12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0</v>
      </c>
      <c r="K11" s="8" t="s">
        <v>7</v>
      </c>
      <c r="L11" s="9">
        <v>0</v>
      </c>
      <c r="M11" s="9">
        <v>0</v>
      </c>
      <c r="N11" s="10">
        <v>0</v>
      </c>
      <c r="O11" s="8" t="s">
        <v>7</v>
      </c>
      <c r="P11" s="10">
        <v>0</v>
      </c>
      <c r="Q11" s="8" t="s">
        <v>7</v>
      </c>
      <c r="R11" s="9">
        <v>0</v>
      </c>
      <c r="S11" s="9">
        <v>0</v>
      </c>
      <c r="T11" s="8" t="s">
        <v>7</v>
      </c>
    </row>
    <row r="12" spans="1:20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0</v>
      </c>
      <c r="K12" s="3" t="s">
        <v>7</v>
      </c>
      <c r="L12" s="11">
        <v>0</v>
      </c>
      <c r="M12" s="11">
        <v>0</v>
      </c>
      <c r="N12" s="12">
        <v>0</v>
      </c>
      <c r="O12" s="3" t="s">
        <v>7</v>
      </c>
      <c r="P12" s="12">
        <v>0</v>
      </c>
      <c r="Q12" s="3" t="s">
        <v>7</v>
      </c>
      <c r="R12" s="11">
        <v>0</v>
      </c>
      <c r="S12" s="11">
        <v>0</v>
      </c>
      <c r="T12" s="3" t="s">
        <v>7</v>
      </c>
    </row>
    <row r="13" spans="1:20" x14ac:dyDescent="0.2">
      <c r="A13" s="3" t="s">
        <v>7</v>
      </c>
      <c r="B13" s="3" t="s">
        <v>399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1">
        <v>0</v>
      </c>
      <c r="M13" s="11">
        <v>0</v>
      </c>
      <c r="N13" s="12">
        <v>0</v>
      </c>
      <c r="O13" s="3" t="s">
        <v>7</v>
      </c>
      <c r="P13" s="12">
        <v>0</v>
      </c>
      <c r="Q13" s="3" t="s">
        <v>7</v>
      </c>
      <c r="R13" s="11">
        <v>0</v>
      </c>
      <c r="S13" s="11">
        <v>0</v>
      </c>
      <c r="T13" s="3" t="s">
        <v>7</v>
      </c>
    </row>
    <row r="14" spans="1:20" x14ac:dyDescent="0.2">
      <c r="A14" s="3" t="s">
        <v>7</v>
      </c>
      <c r="B14" s="3" t="s">
        <v>400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0</v>
      </c>
      <c r="K14" s="3" t="s">
        <v>7</v>
      </c>
      <c r="L14" s="11">
        <v>0</v>
      </c>
      <c r="M14" s="11">
        <v>0</v>
      </c>
      <c r="N14" s="12">
        <v>0</v>
      </c>
      <c r="O14" s="3" t="s">
        <v>7</v>
      </c>
      <c r="P14" s="12">
        <v>0</v>
      </c>
      <c r="Q14" s="3" t="s">
        <v>7</v>
      </c>
      <c r="R14" s="11">
        <v>0</v>
      </c>
      <c r="S14" s="11">
        <v>0</v>
      </c>
      <c r="T14" s="3" t="s">
        <v>7</v>
      </c>
    </row>
    <row r="15" spans="1:20" x14ac:dyDescent="0.2">
      <c r="A15" s="3" t="s">
        <v>7</v>
      </c>
      <c r="B15" s="3" t="s">
        <v>12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12">
        <v>0</v>
      </c>
      <c r="K15" s="3" t="s">
        <v>7</v>
      </c>
      <c r="L15" s="11">
        <v>0</v>
      </c>
      <c r="M15" s="11">
        <v>0</v>
      </c>
      <c r="N15" s="12">
        <v>0</v>
      </c>
      <c r="O15" s="3" t="s">
        <v>7</v>
      </c>
      <c r="P15" s="12">
        <v>0</v>
      </c>
      <c r="Q15" s="3" t="s">
        <v>7</v>
      </c>
      <c r="R15" s="11">
        <v>0</v>
      </c>
      <c r="S15" s="11">
        <v>0</v>
      </c>
      <c r="T15" s="3" t="s">
        <v>7</v>
      </c>
    </row>
    <row r="16" spans="1:20" x14ac:dyDescent="0.2">
      <c r="A16" s="3" t="s">
        <v>7</v>
      </c>
      <c r="B16" s="3" t="s">
        <v>28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3" t="s">
        <v>7</v>
      </c>
      <c r="L16" s="3" t="s">
        <v>7</v>
      </c>
      <c r="M16" s="3" t="s">
        <v>7</v>
      </c>
      <c r="N16" s="3" t="s">
        <v>7</v>
      </c>
      <c r="O16" s="3" t="s">
        <v>7</v>
      </c>
      <c r="P16" s="3" t="s">
        <v>7</v>
      </c>
      <c r="Q16" s="3" t="s">
        <v>7</v>
      </c>
      <c r="R16" s="3" t="s">
        <v>7</v>
      </c>
      <c r="S16" s="3" t="s">
        <v>7</v>
      </c>
      <c r="T16" s="3" t="s">
        <v>7</v>
      </c>
    </row>
    <row r="17" spans="1:20" x14ac:dyDescent="0.2">
      <c r="A17" s="3" t="s">
        <v>7</v>
      </c>
      <c r="B17" s="3" t="s">
        <v>92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0</v>
      </c>
      <c r="K17" s="3" t="s">
        <v>7</v>
      </c>
      <c r="L17" s="11">
        <v>0</v>
      </c>
      <c r="M17" s="11">
        <v>0</v>
      </c>
      <c r="N17" s="12">
        <v>0</v>
      </c>
      <c r="O17" s="3" t="s">
        <v>7</v>
      </c>
      <c r="P17" s="12">
        <v>0</v>
      </c>
      <c r="Q17" s="3" t="s">
        <v>7</v>
      </c>
      <c r="R17" s="11">
        <v>0</v>
      </c>
      <c r="S17" s="11">
        <v>0</v>
      </c>
      <c r="T17" s="3" t="s">
        <v>7</v>
      </c>
    </row>
    <row r="18" spans="1:20" x14ac:dyDescent="0.2">
      <c r="A18" s="3" t="s">
        <v>7</v>
      </c>
      <c r="B18" s="3" t="s">
        <v>401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0</v>
      </c>
      <c r="K18" s="3" t="s">
        <v>7</v>
      </c>
      <c r="L18" s="11">
        <v>0</v>
      </c>
      <c r="M18" s="11">
        <v>0</v>
      </c>
      <c r="N18" s="12">
        <v>0</v>
      </c>
      <c r="O18" s="3" t="s">
        <v>7</v>
      </c>
      <c r="P18" s="12">
        <v>0</v>
      </c>
      <c r="Q18" s="3" t="s">
        <v>7</v>
      </c>
      <c r="R18" s="11">
        <v>0</v>
      </c>
      <c r="S18" s="11">
        <v>0</v>
      </c>
      <c r="T18" s="3" t="s">
        <v>7</v>
      </c>
    </row>
    <row r="19" spans="1:20" x14ac:dyDescent="0.2">
      <c r="A19" s="3" t="s">
        <v>7</v>
      </c>
      <c r="B19" s="3" t="s">
        <v>402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12">
        <v>0</v>
      </c>
      <c r="K19" s="3" t="s">
        <v>7</v>
      </c>
      <c r="L19" s="11">
        <v>0</v>
      </c>
      <c r="M19" s="11">
        <v>0</v>
      </c>
      <c r="N19" s="12">
        <v>0</v>
      </c>
      <c r="O19" s="3" t="s">
        <v>7</v>
      </c>
      <c r="P19" s="12">
        <v>0</v>
      </c>
      <c r="Q19" s="3" t="s">
        <v>7</v>
      </c>
      <c r="R19" s="11">
        <v>0</v>
      </c>
      <c r="S19" s="11">
        <v>0</v>
      </c>
      <c r="T19" s="3" t="s">
        <v>7</v>
      </c>
    </row>
    <row r="20" spans="1:20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</row>
    <row r="21" spans="1:20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  <c r="S21" s="8" t="s">
        <v>7</v>
      </c>
      <c r="T21" s="8" t="s">
        <v>7</v>
      </c>
    </row>
    <row r="22" spans="1:20" x14ac:dyDescent="0.2">
      <c r="A22" s="7" t="s">
        <v>278</v>
      </c>
      <c r="B22" s="7" t="s">
        <v>59</v>
      </c>
    </row>
  </sheetData>
  <pageMargins left="0.7" right="0.7" top="0.75" bottom="0.75" header="0.3" footer="0.3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22"/>
  <sheetViews>
    <sheetView rightToLeft="1" topLeftCell="A10" workbookViewId="0"/>
  </sheetViews>
  <sheetFormatPr defaultRowHeight="14.25" x14ac:dyDescent="0.2"/>
  <cols>
    <col min="1" max="1" width="2" customWidth="1"/>
    <col min="2" max="2" width="37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9" width="13" customWidth="1"/>
    <col min="10" max="10" width="6" customWidth="1"/>
    <col min="11" max="11" width="10" customWidth="1"/>
    <col min="12" max="12" width="13" customWidth="1"/>
    <col min="13" max="13" width="15" customWidth="1"/>
    <col min="14" max="14" width="10" customWidth="1"/>
    <col min="15" max="15" width="8" customWidth="1"/>
    <col min="16" max="16" width="11" customWidth="1"/>
    <col min="17" max="17" width="22" customWidth="1"/>
    <col min="18" max="18" width="24" customWidth="1"/>
    <col min="19" max="19" width="23" customWidth="1"/>
    <col min="20" max="20" width="2" customWidth="1"/>
  </cols>
  <sheetData>
    <row r="1" spans="1:20" x14ac:dyDescent="0.2">
      <c r="B1" s="7" t="s">
        <v>0</v>
      </c>
      <c r="C1" s="7" t="s">
        <v>1</v>
      </c>
    </row>
    <row r="2" spans="1:20" x14ac:dyDescent="0.2">
      <c r="B2" s="7" t="s">
        <v>2</v>
      </c>
      <c r="C2" s="7" t="s">
        <v>3</v>
      </c>
    </row>
    <row r="3" spans="1:20" x14ac:dyDescent="0.2">
      <c r="B3" s="7" t="s">
        <v>4</v>
      </c>
      <c r="C3" s="7" t="s">
        <v>5</v>
      </c>
    </row>
    <row r="4" spans="1:20" x14ac:dyDescent="0.2">
      <c r="B4" s="7" t="s">
        <v>6</v>
      </c>
      <c r="C4" s="7">
        <v>1526</v>
      </c>
    </row>
    <row r="5" spans="1:20" x14ac:dyDescent="0.2">
      <c r="B5" s="7" t="s">
        <v>7</v>
      </c>
      <c r="C5" s="7" t="s">
        <v>7</v>
      </c>
    </row>
    <row r="6" spans="1:20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</row>
    <row r="7" spans="1:20" x14ac:dyDescent="0.2">
      <c r="A7" s="1" t="s">
        <v>7</v>
      </c>
      <c r="B7" s="1" t="s">
        <v>40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</row>
    <row r="8" spans="1:20" x14ac:dyDescent="0.2">
      <c r="A8" s="1" t="s">
        <v>7</v>
      </c>
      <c r="B8" s="1" t="s">
        <v>61</v>
      </c>
      <c r="C8" s="1" t="s">
        <v>62</v>
      </c>
      <c r="D8" s="1" t="s">
        <v>122</v>
      </c>
      <c r="E8" s="1" t="s">
        <v>63</v>
      </c>
      <c r="F8" s="1" t="s">
        <v>123</v>
      </c>
      <c r="G8" s="1" t="s">
        <v>64</v>
      </c>
      <c r="H8" s="1" t="s">
        <v>65</v>
      </c>
      <c r="I8" s="1" t="s">
        <v>98</v>
      </c>
      <c r="J8" s="1" t="s">
        <v>99</v>
      </c>
      <c r="K8" s="1" t="s">
        <v>66</v>
      </c>
      <c r="L8" s="1" t="s">
        <v>67</v>
      </c>
      <c r="M8" s="1" t="s">
        <v>68</v>
      </c>
      <c r="N8" s="1" t="s">
        <v>100</v>
      </c>
      <c r="O8" s="1" t="s">
        <v>101</v>
      </c>
      <c r="P8" s="1" t="s">
        <v>9</v>
      </c>
      <c r="Q8" s="1" t="s">
        <v>103</v>
      </c>
      <c r="R8" s="1" t="s">
        <v>70</v>
      </c>
      <c r="S8" s="1" t="s">
        <v>104</v>
      </c>
      <c r="T8" s="1" t="s">
        <v>7</v>
      </c>
    </row>
    <row r="9" spans="1:20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5</v>
      </c>
      <c r="K9" s="1" t="s">
        <v>7</v>
      </c>
      <c r="L9" s="1" t="s">
        <v>12</v>
      </c>
      <c r="M9" s="1" t="s">
        <v>12</v>
      </c>
      <c r="N9" s="1" t="s">
        <v>106</v>
      </c>
      <c r="O9" s="1" t="s">
        <v>107</v>
      </c>
      <c r="P9" s="1" t="s">
        <v>11</v>
      </c>
      <c r="Q9" s="1" t="s">
        <v>12</v>
      </c>
      <c r="R9" s="1" t="s">
        <v>12</v>
      </c>
      <c r="S9" s="1" t="s">
        <v>12</v>
      </c>
      <c r="T9" s="1" t="s">
        <v>7</v>
      </c>
    </row>
    <row r="10" spans="1:20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113</v>
      </c>
      <c r="S10" s="1" t="s">
        <v>124</v>
      </c>
      <c r="T10" s="1" t="s">
        <v>7</v>
      </c>
    </row>
    <row r="11" spans="1:20" x14ac:dyDescent="0.2">
      <c r="A11" s="8" t="s">
        <v>7</v>
      </c>
      <c r="B11" s="8" t="s">
        <v>36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0</v>
      </c>
      <c r="K11" s="8" t="s">
        <v>7</v>
      </c>
      <c r="L11" s="9">
        <v>0</v>
      </c>
      <c r="M11" s="9">
        <v>0</v>
      </c>
      <c r="N11" s="10">
        <v>0</v>
      </c>
      <c r="O11" s="8" t="s">
        <v>7</v>
      </c>
      <c r="P11" s="10">
        <v>0</v>
      </c>
      <c r="Q11" s="8" t="s">
        <v>7</v>
      </c>
      <c r="R11" s="9">
        <v>0</v>
      </c>
      <c r="S11" s="9">
        <v>0</v>
      </c>
      <c r="T11" s="8" t="s">
        <v>7</v>
      </c>
    </row>
    <row r="12" spans="1:20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0</v>
      </c>
      <c r="K12" s="3" t="s">
        <v>7</v>
      </c>
      <c r="L12" s="11">
        <v>0</v>
      </c>
      <c r="M12" s="11">
        <v>0</v>
      </c>
      <c r="N12" s="12">
        <v>0</v>
      </c>
      <c r="O12" s="3" t="s">
        <v>7</v>
      </c>
      <c r="P12" s="12">
        <v>0</v>
      </c>
      <c r="Q12" s="3" t="s">
        <v>7</v>
      </c>
      <c r="R12" s="11">
        <v>0</v>
      </c>
      <c r="S12" s="11">
        <v>0</v>
      </c>
      <c r="T12" s="3" t="s">
        <v>7</v>
      </c>
    </row>
    <row r="13" spans="1:20" x14ac:dyDescent="0.2">
      <c r="A13" s="3" t="s">
        <v>7</v>
      </c>
      <c r="B13" s="3" t="s">
        <v>399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1">
        <v>0</v>
      </c>
      <c r="M13" s="11">
        <v>0</v>
      </c>
      <c r="N13" s="12">
        <v>0</v>
      </c>
      <c r="O13" s="3" t="s">
        <v>7</v>
      </c>
      <c r="P13" s="12">
        <v>0</v>
      </c>
      <c r="Q13" s="3" t="s">
        <v>7</v>
      </c>
      <c r="R13" s="11">
        <v>0</v>
      </c>
      <c r="S13" s="11">
        <v>0</v>
      </c>
      <c r="T13" s="3" t="s">
        <v>7</v>
      </c>
    </row>
    <row r="14" spans="1:20" x14ac:dyDescent="0.2">
      <c r="A14" s="3" t="s">
        <v>7</v>
      </c>
      <c r="B14" s="3" t="s">
        <v>400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0</v>
      </c>
      <c r="K14" s="3" t="s">
        <v>7</v>
      </c>
      <c r="L14" s="11">
        <v>0</v>
      </c>
      <c r="M14" s="11">
        <v>0</v>
      </c>
      <c r="N14" s="12">
        <v>0</v>
      </c>
      <c r="O14" s="3" t="s">
        <v>7</v>
      </c>
      <c r="P14" s="12">
        <v>0</v>
      </c>
      <c r="Q14" s="3" t="s">
        <v>7</v>
      </c>
      <c r="R14" s="11">
        <v>0</v>
      </c>
      <c r="S14" s="11">
        <v>0</v>
      </c>
      <c r="T14" s="3" t="s">
        <v>7</v>
      </c>
    </row>
    <row r="15" spans="1:20" x14ac:dyDescent="0.2">
      <c r="A15" s="3" t="s">
        <v>7</v>
      </c>
      <c r="B15" s="3" t="s">
        <v>12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12">
        <v>0</v>
      </c>
      <c r="K15" s="3" t="s">
        <v>7</v>
      </c>
      <c r="L15" s="11">
        <v>0</v>
      </c>
      <c r="M15" s="11">
        <v>0</v>
      </c>
      <c r="N15" s="12">
        <v>0</v>
      </c>
      <c r="O15" s="3" t="s">
        <v>7</v>
      </c>
      <c r="P15" s="12">
        <v>0</v>
      </c>
      <c r="Q15" s="3" t="s">
        <v>7</v>
      </c>
      <c r="R15" s="11">
        <v>0</v>
      </c>
      <c r="S15" s="11">
        <v>0</v>
      </c>
      <c r="T15" s="3" t="s">
        <v>7</v>
      </c>
    </row>
    <row r="16" spans="1:20" x14ac:dyDescent="0.2">
      <c r="A16" s="3" t="s">
        <v>7</v>
      </c>
      <c r="B16" s="3" t="s">
        <v>28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12">
        <v>0</v>
      </c>
      <c r="K16" s="3" t="s">
        <v>7</v>
      </c>
      <c r="L16" s="11">
        <v>0</v>
      </c>
      <c r="M16" s="11">
        <v>0</v>
      </c>
      <c r="N16" s="12">
        <v>0</v>
      </c>
      <c r="O16" s="3" t="s">
        <v>7</v>
      </c>
      <c r="P16" s="12">
        <v>0</v>
      </c>
      <c r="Q16" s="3" t="s">
        <v>7</v>
      </c>
      <c r="R16" s="11">
        <v>0</v>
      </c>
      <c r="S16" s="11">
        <v>0</v>
      </c>
      <c r="T16" s="3" t="s">
        <v>7</v>
      </c>
    </row>
    <row r="17" spans="1:20" x14ac:dyDescent="0.2">
      <c r="A17" s="3" t="s">
        <v>7</v>
      </c>
      <c r="B17" s="3" t="s">
        <v>92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0</v>
      </c>
      <c r="K17" s="3" t="s">
        <v>7</v>
      </c>
      <c r="L17" s="11">
        <v>0</v>
      </c>
      <c r="M17" s="11">
        <v>0</v>
      </c>
      <c r="N17" s="12">
        <v>0</v>
      </c>
      <c r="O17" s="3" t="s">
        <v>7</v>
      </c>
      <c r="P17" s="12">
        <v>0</v>
      </c>
      <c r="Q17" s="3" t="s">
        <v>7</v>
      </c>
      <c r="R17" s="11">
        <v>0</v>
      </c>
      <c r="S17" s="11">
        <v>0</v>
      </c>
      <c r="T17" s="3" t="s">
        <v>7</v>
      </c>
    </row>
    <row r="18" spans="1:20" x14ac:dyDescent="0.2">
      <c r="A18" s="3" t="s">
        <v>7</v>
      </c>
      <c r="B18" s="3" t="s">
        <v>404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0</v>
      </c>
      <c r="K18" s="3" t="s">
        <v>7</v>
      </c>
      <c r="L18" s="11">
        <v>0</v>
      </c>
      <c r="M18" s="11">
        <v>0</v>
      </c>
      <c r="N18" s="12">
        <v>0</v>
      </c>
      <c r="O18" s="3" t="s">
        <v>7</v>
      </c>
      <c r="P18" s="12">
        <v>0</v>
      </c>
      <c r="Q18" s="3" t="s">
        <v>7</v>
      </c>
      <c r="R18" s="11">
        <v>0</v>
      </c>
      <c r="S18" s="11">
        <v>0</v>
      </c>
      <c r="T18" s="3" t="s">
        <v>7</v>
      </c>
    </row>
    <row r="19" spans="1:20" x14ac:dyDescent="0.2">
      <c r="A19" s="3" t="s">
        <v>7</v>
      </c>
      <c r="B19" s="3" t="s">
        <v>405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12">
        <v>0</v>
      </c>
      <c r="K19" s="3" t="s">
        <v>7</v>
      </c>
      <c r="L19" s="11">
        <v>0</v>
      </c>
      <c r="M19" s="11">
        <v>0</v>
      </c>
      <c r="N19" s="12">
        <v>0</v>
      </c>
      <c r="O19" s="3" t="s">
        <v>7</v>
      </c>
      <c r="P19" s="12">
        <v>0</v>
      </c>
      <c r="Q19" s="3" t="s">
        <v>7</v>
      </c>
      <c r="R19" s="11">
        <v>0</v>
      </c>
      <c r="S19" s="11">
        <v>0</v>
      </c>
      <c r="T19" s="3" t="s">
        <v>7</v>
      </c>
    </row>
    <row r="20" spans="1:20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</row>
    <row r="21" spans="1:20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  <c r="S21" s="8" t="s">
        <v>7</v>
      </c>
      <c r="T21" s="8" t="s">
        <v>7</v>
      </c>
    </row>
    <row r="22" spans="1:20" x14ac:dyDescent="0.2">
      <c r="A22" s="7" t="s">
        <v>278</v>
      </c>
      <c r="B22" s="7" t="s">
        <v>59</v>
      </c>
    </row>
  </sheetData>
  <pageMargins left="0.7" right="0.7" top="0.75" bottom="0.75" header="0.3" footer="0.3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22"/>
  <sheetViews>
    <sheetView rightToLeft="1" topLeftCell="A7" workbookViewId="0"/>
  </sheetViews>
  <sheetFormatPr defaultRowHeight="14.25" x14ac:dyDescent="0.2"/>
  <cols>
    <col min="1" max="1" width="2" customWidth="1"/>
    <col min="2" max="2" width="34" customWidth="1"/>
    <col min="3" max="3" width="12" customWidth="1"/>
    <col min="4" max="4" width="11" customWidth="1"/>
    <col min="5" max="5" width="12" customWidth="1"/>
    <col min="6" max="6" width="16" customWidth="1"/>
    <col min="7" max="7" width="14" customWidth="1"/>
    <col min="8" max="8" width="10" customWidth="1"/>
    <col min="9" max="10" width="11" customWidth="1"/>
    <col min="11" max="11" width="22" customWidth="1"/>
    <col min="12" max="12" width="24" customWidth="1"/>
    <col min="13" max="13" width="23" customWidth="1"/>
    <col min="14" max="14" width="2" customWidth="1"/>
  </cols>
  <sheetData>
    <row r="1" spans="1:14" x14ac:dyDescent="0.2">
      <c r="B1" s="7" t="s">
        <v>0</v>
      </c>
      <c r="C1" s="7" t="s">
        <v>1</v>
      </c>
    </row>
    <row r="2" spans="1:14" x14ac:dyDescent="0.2">
      <c r="B2" s="7" t="s">
        <v>2</v>
      </c>
      <c r="C2" s="7" t="s">
        <v>3</v>
      </c>
    </row>
    <row r="3" spans="1:14" x14ac:dyDescent="0.2">
      <c r="B3" s="7" t="s">
        <v>4</v>
      </c>
      <c r="C3" s="7" t="s">
        <v>5</v>
      </c>
    </row>
    <row r="4" spans="1:14" x14ac:dyDescent="0.2">
      <c r="B4" s="7" t="s">
        <v>6</v>
      </c>
      <c r="C4" s="7">
        <v>1526</v>
      </c>
    </row>
    <row r="5" spans="1:14" x14ac:dyDescent="0.2">
      <c r="B5" s="7" t="s">
        <v>7</v>
      </c>
      <c r="C5" s="7" t="s">
        <v>7</v>
      </c>
    </row>
    <row r="6" spans="1:14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</row>
    <row r="7" spans="1:14" x14ac:dyDescent="0.2">
      <c r="A7" s="1" t="s">
        <v>7</v>
      </c>
      <c r="B7" s="1" t="s">
        <v>13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</row>
    <row r="8" spans="1:14" x14ac:dyDescent="0.2">
      <c r="A8" s="1" t="s">
        <v>7</v>
      </c>
      <c r="B8" s="1" t="s">
        <v>61</v>
      </c>
      <c r="C8" s="1" t="s">
        <v>62</v>
      </c>
      <c r="D8" s="1" t="s">
        <v>122</v>
      </c>
      <c r="E8" s="1" t="s">
        <v>63</v>
      </c>
      <c r="F8" s="1" t="s">
        <v>123</v>
      </c>
      <c r="G8" s="1" t="s">
        <v>66</v>
      </c>
      <c r="H8" s="1" t="s">
        <v>100</v>
      </c>
      <c r="I8" s="1" t="s">
        <v>101</v>
      </c>
      <c r="J8" s="1" t="s">
        <v>9</v>
      </c>
      <c r="K8" s="1" t="s">
        <v>103</v>
      </c>
      <c r="L8" s="1" t="s">
        <v>70</v>
      </c>
      <c r="M8" s="1" t="s">
        <v>104</v>
      </c>
      <c r="N8" s="1" t="s">
        <v>7</v>
      </c>
    </row>
    <row r="9" spans="1:14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6</v>
      </c>
      <c r="I9" s="1" t="s">
        <v>107</v>
      </c>
      <c r="J9" s="1" t="s">
        <v>11</v>
      </c>
      <c r="K9" s="1" t="s">
        <v>12</v>
      </c>
      <c r="L9" s="1" t="s">
        <v>12</v>
      </c>
      <c r="M9" s="1" t="s">
        <v>12</v>
      </c>
      <c r="N9" s="1" t="s">
        <v>7</v>
      </c>
    </row>
    <row r="10" spans="1:14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7</v>
      </c>
    </row>
    <row r="11" spans="1:14" x14ac:dyDescent="0.2">
      <c r="A11" s="8" t="s">
        <v>7</v>
      </c>
      <c r="B11" s="8" t="s">
        <v>140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1005.25</v>
      </c>
      <c r="I11" s="8" t="s">
        <v>7</v>
      </c>
      <c r="J11" s="10">
        <v>24.74</v>
      </c>
      <c r="K11" s="8" t="s">
        <v>7</v>
      </c>
      <c r="L11" s="9">
        <v>1</v>
      </c>
      <c r="M11" s="9">
        <v>1.1999999999999999E-3</v>
      </c>
      <c r="N11" s="8" t="s">
        <v>7</v>
      </c>
    </row>
    <row r="12" spans="1:14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314.2</v>
      </c>
      <c r="I12" s="3" t="s">
        <v>7</v>
      </c>
      <c r="J12" s="12">
        <v>12.53</v>
      </c>
      <c r="K12" s="3" t="s">
        <v>7</v>
      </c>
      <c r="L12" s="11">
        <v>0.50619999999999998</v>
      </c>
      <c r="M12" s="11">
        <v>5.9999999999999995E-4</v>
      </c>
      <c r="N12" s="3" t="s">
        <v>7</v>
      </c>
    </row>
    <row r="13" spans="1:14" x14ac:dyDescent="0.2">
      <c r="A13" s="13" t="s">
        <v>7</v>
      </c>
      <c r="B13" s="13" t="s">
        <v>406</v>
      </c>
      <c r="C13" s="14">
        <v>100560853</v>
      </c>
      <c r="D13" s="13" t="s">
        <v>7</v>
      </c>
      <c r="E13" s="14">
        <v>96120</v>
      </c>
      <c r="F13" s="13" t="s">
        <v>190</v>
      </c>
      <c r="G13" s="13" t="s">
        <v>85</v>
      </c>
      <c r="H13" s="16">
        <v>13.7</v>
      </c>
      <c r="I13" s="16">
        <v>82010.17</v>
      </c>
      <c r="J13" s="16">
        <v>11.23</v>
      </c>
      <c r="K13" s="15">
        <v>0</v>
      </c>
      <c r="L13" s="15">
        <v>0.4541</v>
      </c>
      <c r="M13" s="15">
        <v>5.0000000000000001E-4</v>
      </c>
      <c r="N13" s="13" t="s">
        <v>7</v>
      </c>
    </row>
    <row r="14" spans="1:14" x14ac:dyDescent="0.2">
      <c r="A14" s="13" t="s">
        <v>7</v>
      </c>
      <c r="B14" s="13" t="s">
        <v>407</v>
      </c>
      <c r="C14" s="14">
        <v>100356260</v>
      </c>
      <c r="D14" s="13" t="s">
        <v>7</v>
      </c>
      <c r="E14" s="14">
        <v>97448</v>
      </c>
      <c r="F14" s="13" t="s">
        <v>149</v>
      </c>
      <c r="G14" s="13" t="s">
        <v>48</v>
      </c>
      <c r="H14" s="16">
        <v>0.5</v>
      </c>
      <c r="I14" s="16">
        <v>0</v>
      </c>
      <c r="J14" s="16">
        <v>0</v>
      </c>
      <c r="K14" s="15">
        <v>2.0000000000000001E-4</v>
      </c>
      <c r="L14" s="15">
        <v>0</v>
      </c>
      <c r="M14" s="15">
        <v>0</v>
      </c>
      <c r="N14" s="13" t="s">
        <v>7</v>
      </c>
    </row>
    <row r="15" spans="1:14" x14ac:dyDescent="0.2">
      <c r="A15" s="13" t="s">
        <v>7</v>
      </c>
      <c r="B15" s="13" t="s">
        <v>408</v>
      </c>
      <c r="C15" s="14">
        <v>100356187</v>
      </c>
      <c r="D15" s="13" t="s">
        <v>7</v>
      </c>
      <c r="E15" s="14">
        <v>97222</v>
      </c>
      <c r="F15" s="13" t="s">
        <v>409</v>
      </c>
      <c r="G15" s="13" t="s">
        <v>48</v>
      </c>
      <c r="H15" s="16">
        <v>300</v>
      </c>
      <c r="I15" s="16">
        <v>129</v>
      </c>
      <c r="J15" s="16">
        <v>1.29</v>
      </c>
      <c r="K15" s="15">
        <v>1E-4</v>
      </c>
      <c r="L15" s="15">
        <v>5.21E-2</v>
      </c>
      <c r="M15" s="15">
        <v>1E-4</v>
      </c>
      <c r="N15" s="13" t="s">
        <v>7</v>
      </c>
    </row>
    <row r="16" spans="1:14" x14ac:dyDescent="0.2">
      <c r="A16" s="3" t="s">
        <v>7</v>
      </c>
      <c r="B16" s="3" t="s">
        <v>92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691.05</v>
      </c>
      <c r="I16" s="3" t="s">
        <v>7</v>
      </c>
      <c r="J16" s="12">
        <v>12.22</v>
      </c>
      <c r="K16" s="3" t="s">
        <v>7</v>
      </c>
      <c r="L16" s="11">
        <v>0.49380000000000002</v>
      </c>
      <c r="M16" s="11">
        <v>5.9999999999999995E-4</v>
      </c>
      <c r="N16" s="3" t="s">
        <v>7</v>
      </c>
    </row>
    <row r="17" spans="1:14" x14ac:dyDescent="0.2">
      <c r="A17" s="3" t="s">
        <v>7</v>
      </c>
      <c r="B17" s="3" t="s">
        <v>13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2">
        <v>0</v>
      </c>
      <c r="K17" s="3" t="s">
        <v>7</v>
      </c>
      <c r="L17" s="11">
        <v>0</v>
      </c>
      <c r="M17" s="11">
        <v>0</v>
      </c>
      <c r="N17" s="3" t="s">
        <v>7</v>
      </c>
    </row>
    <row r="18" spans="1:14" x14ac:dyDescent="0.2">
      <c r="A18" s="3" t="s">
        <v>7</v>
      </c>
      <c r="B18" s="3" t="s">
        <v>130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691.05</v>
      </c>
      <c r="I18" s="3" t="s">
        <v>7</v>
      </c>
      <c r="J18" s="12">
        <v>12.22</v>
      </c>
      <c r="K18" s="3" t="s">
        <v>7</v>
      </c>
      <c r="L18" s="11">
        <v>0.49380000000000002</v>
      </c>
      <c r="M18" s="11">
        <v>5.9999999999999995E-4</v>
      </c>
      <c r="N18" s="3" t="s">
        <v>7</v>
      </c>
    </row>
    <row r="19" spans="1:14" x14ac:dyDescent="0.2">
      <c r="A19" s="13" t="s">
        <v>7</v>
      </c>
      <c r="B19" s="13" t="s">
        <v>410</v>
      </c>
      <c r="C19" s="14">
        <v>62014485</v>
      </c>
      <c r="D19" s="13" t="s">
        <v>193</v>
      </c>
      <c r="E19" s="14">
        <v>95045</v>
      </c>
      <c r="F19" s="13" t="s">
        <v>411</v>
      </c>
      <c r="G19" s="13" t="s">
        <v>48</v>
      </c>
      <c r="H19" s="16">
        <v>691.05</v>
      </c>
      <c r="I19" s="16">
        <v>530.29</v>
      </c>
      <c r="J19" s="16">
        <v>12.22</v>
      </c>
      <c r="K19" s="15">
        <v>0</v>
      </c>
      <c r="L19" s="15">
        <v>0.49380000000000002</v>
      </c>
      <c r="M19" s="15">
        <v>5.9999999999999995E-4</v>
      </c>
      <c r="N19" s="13" t="s">
        <v>7</v>
      </c>
    </row>
    <row r="20" spans="1:14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</row>
    <row r="21" spans="1:14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</row>
    <row r="22" spans="1:14" x14ac:dyDescent="0.2">
      <c r="A22" s="7" t="s">
        <v>278</v>
      </c>
      <c r="B22" s="7" t="s">
        <v>59</v>
      </c>
    </row>
  </sheetData>
  <pageMargins left="0.7" right="0.7" top="0.75" bottom="0.75" header="0.3" footer="0.3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7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3" width="12" customWidth="1"/>
    <col min="4" max="4" width="14" customWidth="1"/>
    <col min="5" max="5" width="13" customWidth="1"/>
    <col min="6" max="6" width="10" customWidth="1"/>
    <col min="7" max="7" width="12" customWidth="1"/>
    <col min="8" max="8" width="11" customWidth="1"/>
    <col min="9" max="9" width="22" customWidth="1"/>
    <col min="10" max="10" width="24" customWidth="1"/>
    <col min="11" max="11" width="23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52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41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61</v>
      </c>
      <c r="C8" s="1" t="s">
        <v>62</v>
      </c>
      <c r="D8" s="1" t="s">
        <v>66</v>
      </c>
      <c r="E8" s="1" t="s">
        <v>98</v>
      </c>
      <c r="F8" s="1" t="s">
        <v>100</v>
      </c>
      <c r="G8" s="1" t="s">
        <v>101</v>
      </c>
      <c r="H8" s="1" t="s">
        <v>9</v>
      </c>
      <c r="I8" s="1" t="s">
        <v>103</v>
      </c>
      <c r="J8" s="1" t="s">
        <v>70</v>
      </c>
      <c r="K8" s="1" t="s">
        <v>104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134</v>
      </c>
      <c r="F9" s="1" t="s">
        <v>135</v>
      </c>
      <c r="G9" s="1" t="s">
        <v>7</v>
      </c>
      <c r="H9" s="1" t="s">
        <v>11</v>
      </c>
      <c r="I9" s="1" t="s">
        <v>12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1:12" x14ac:dyDescent="0.2">
      <c r="A11" s="8" t="s">
        <v>7</v>
      </c>
      <c r="B11" s="8" t="s">
        <v>413</v>
      </c>
      <c r="C11" s="8" t="s">
        <v>7</v>
      </c>
      <c r="D11" s="8" t="s">
        <v>7</v>
      </c>
      <c r="E11" s="8" t="s">
        <v>7</v>
      </c>
      <c r="F11" s="10">
        <v>277.3</v>
      </c>
      <c r="G11" s="8" t="s">
        <v>7</v>
      </c>
      <c r="H11" s="10">
        <v>598.01</v>
      </c>
      <c r="I11" s="8" t="s">
        <v>7</v>
      </c>
      <c r="J11" s="9">
        <v>1</v>
      </c>
      <c r="K11" s="9">
        <v>2.8899999999999999E-2</v>
      </c>
      <c r="L11" s="8" t="s">
        <v>7</v>
      </c>
    </row>
    <row r="12" spans="1:12" x14ac:dyDescent="0.2">
      <c r="A12" s="3" t="s">
        <v>7</v>
      </c>
      <c r="B12" s="3" t="s">
        <v>414</v>
      </c>
      <c r="C12" s="3" t="s">
        <v>7</v>
      </c>
      <c r="D12" s="3" t="s">
        <v>7</v>
      </c>
      <c r="E12" s="3" t="s">
        <v>7</v>
      </c>
      <c r="F12" s="12">
        <v>254.3</v>
      </c>
      <c r="G12" s="3" t="s">
        <v>7</v>
      </c>
      <c r="H12" s="12">
        <v>483.08</v>
      </c>
      <c r="I12" s="3" t="s">
        <v>7</v>
      </c>
      <c r="J12" s="11">
        <v>0.80779999999999996</v>
      </c>
      <c r="K12" s="11">
        <v>2.3400000000000001E-2</v>
      </c>
      <c r="L12" s="3" t="s">
        <v>7</v>
      </c>
    </row>
    <row r="13" spans="1:12" x14ac:dyDescent="0.2">
      <c r="A13" s="3" t="s">
        <v>7</v>
      </c>
      <c r="B13" s="3" t="s">
        <v>415</v>
      </c>
      <c r="C13" s="3" t="s">
        <v>7</v>
      </c>
      <c r="D13" s="3" t="s">
        <v>7</v>
      </c>
      <c r="E13" s="3" t="s">
        <v>7</v>
      </c>
      <c r="F13" s="12">
        <v>0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</row>
    <row r="14" spans="1:12" x14ac:dyDescent="0.2">
      <c r="A14" s="3" t="s">
        <v>7</v>
      </c>
      <c r="B14" s="3" t="s">
        <v>416</v>
      </c>
      <c r="C14" s="3" t="s">
        <v>7</v>
      </c>
      <c r="D14" s="3" t="s">
        <v>7</v>
      </c>
      <c r="E14" s="3" t="s">
        <v>7</v>
      </c>
      <c r="F14" s="12">
        <v>254.3</v>
      </c>
      <c r="G14" s="3" t="s">
        <v>7</v>
      </c>
      <c r="H14" s="12">
        <v>483.08</v>
      </c>
      <c r="I14" s="3" t="s">
        <v>7</v>
      </c>
      <c r="J14" s="11">
        <v>0.80779999999999996</v>
      </c>
      <c r="K14" s="11">
        <v>2.3400000000000001E-2</v>
      </c>
      <c r="L14" s="3" t="s">
        <v>7</v>
      </c>
    </row>
    <row r="15" spans="1:12" x14ac:dyDescent="0.2">
      <c r="A15" s="13" t="s">
        <v>7</v>
      </c>
      <c r="B15" s="13" t="s">
        <v>417</v>
      </c>
      <c r="C15" s="14">
        <v>100987569</v>
      </c>
      <c r="D15" s="13" t="s">
        <v>85</v>
      </c>
      <c r="E15" s="13" t="s">
        <v>418</v>
      </c>
      <c r="F15" s="16">
        <v>191.57</v>
      </c>
      <c r="G15" s="16">
        <v>194168.7</v>
      </c>
      <c r="H15" s="16">
        <v>371.97</v>
      </c>
      <c r="I15" s="15">
        <v>0</v>
      </c>
      <c r="J15" s="15">
        <v>0.622</v>
      </c>
      <c r="K15" s="15">
        <v>1.7999999999999999E-2</v>
      </c>
      <c r="L15" s="13" t="s">
        <v>7</v>
      </c>
    </row>
    <row r="16" spans="1:12" x14ac:dyDescent="0.2">
      <c r="A16" s="13" t="s">
        <v>7</v>
      </c>
      <c r="B16" s="13" t="s">
        <v>419</v>
      </c>
      <c r="C16" s="14">
        <v>100383074</v>
      </c>
      <c r="D16" s="13" t="s">
        <v>85</v>
      </c>
      <c r="E16" s="13" t="s">
        <v>420</v>
      </c>
      <c r="F16" s="16">
        <v>62.73</v>
      </c>
      <c r="G16" s="16">
        <v>177124.95</v>
      </c>
      <c r="H16" s="16">
        <v>111.11</v>
      </c>
      <c r="I16" s="15">
        <v>0</v>
      </c>
      <c r="J16" s="15">
        <v>0.18579999999999999</v>
      </c>
      <c r="K16" s="15">
        <v>5.4000000000000003E-3</v>
      </c>
      <c r="L16" s="13" t="s">
        <v>7</v>
      </c>
    </row>
    <row r="17" spans="1:12" x14ac:dyDescent="0.2">
      <c r="A17" s="3" t="s">
        <v>7</v>
      </c>
      <c r="B17" s="3" t="s">
        <v>421</v>
      </c>
      <c r="C17" s="3" t="s">
        <v>7</v>
      </c>
      <c r="D17" s="3" t="s">
        <v>7</v>
      </c>
      <c r="E17" s="3" t="s">
        <v>7</v>
      </c>
      <c r="F17" s="12">
        <v>0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3" t="s">
        <v>7</v>
      </c>
    </row>
    <row r="18" spans="1:12" x14ac:dyDescent="0.2">
      <c r="A18" s="3" t="s">
        <v>7</v>
      </c>
      <c r="B18" s="3" t="s">
        <v>422</v>
      </c>
      <c r="C18" s="3" t="s">
        <v>7</v>
      </c>
      <c r="D18" s="3" t="s">
        <v>7</v>
      </c>
      <c r="E18" s="3" t="s">
        <v>7</v>
      </c>
      <c r="F18" s="12">
        <v>0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3" t="s">
        <v>7</v>
      </c>
    </row>
    <row r="19" spans="1:12" x14ac:dyDescent="0.2">
      <c r="A19" s="3" t="s">
        <v>7</v>
      </c>
      <c r="B19" s="3" t="s">
        <v>423</v>
      </c>
      <c r="C19" s="3" t="s">
        <v>7</v>
      </c>
      <c r="D19" s="3" t="s">
        <v>7</v>
      </c>
      <c r="E19" s="3" t="s">
        <v>7</v>
      </c>
      <c r="F19" s="12">
        <v>23</v>
      </c>
      <c r="G19" s="3" t="s">
        <v>7</v>
      </c>
      <c r="H19" s="12">
        <v>114.93</v>
      </c>
      <c r="I19" s="3" t="s">
        <v>7</v>
      </c>
      <c r="J19" s="11">
        <v>0.19220000000000001</v>
      </c>
      <c r="K19" s="11">
        <v>5.5999999999999999E-3</v>
      </c>
      <c r="L19" s="3" t="s">
        <v>7</v>
      </c>
    </row>
    <row r="20" spans="1:12" x14ac:dyDescent="0.2">
      <c r="A20" s="3" t="s">
        <v>7</v>
      </c>
      <c r="B20" s="3" t="s">
        <v>415</v>
      </c>
      <c r="C20" s="3" t="s">
        <v>7</v>
      </c>
      <c r="D20" s="3" t="s">
        <v>7</v>
      </c>
      <c r="E20" s="3" t="s">
        <v>7</v>
      </c>
      <c r="F20" s="12">
        <v>0</v>
      </c>
      <c r="G20" s="3" t="s">
        <v>7</v>
      </c>
      <c r="H20" s="12">
        <v>0</v>
      </c>
      <c r="I20" s="3" t="s">
        <v>7</v>
      </c>
      <c r="J20" s="11">
        <v>0</v>
      </c>
      <c r="K20" s="11">
        <v>0</v>
      </c>
      <c r="L20" s="3" t="s">
        <v>7</v>
      </c>
    </row>
    <row r="21" spans="1:12" x14ac:dyDescent="0.2">
      <c r="A21" s="3" t="s">
        <v>7</v>
      </c>
      <c r="B21" s="3" t="s">
        <v>416</v>
      </c>
      <c r="C21" s="3" t="s">
        <v>7</v>
      </c>
      <c r="D21" s="3" t="s">
        <v>7</v>
      </c>
      <c r="E21" s="3" t="s">
        <v>7</v>
      </c>
      <c r="F21" s="12">
        <v>23</v>
      </c>
      <c r="G21" s="3" t="s">
        <v>7</v>
      </c>
      <c r="H21" s="12">
        <v>114.93</v>
      </c>
      <c r="I21" s="3" t="s">
        <v>7</v>
      </c>
      <c r="J21" s="11">
        <v>0.19220000000000001</v>
      </c>
      <c r="K21" s="11">
        <v>5.5999999999999999E-3</v>
      </c>
      <c r="L21" s="3" t="s">
        <v>7</v>
      </c>
    </row>
    <row r="22" spans="1:12" x14ac:dyDescent="0.2">
      <c r="A22" s="13" t="s">
        <v>7</v>
      </c>
      <c r="B22" s="13" t="s">
        <v>424</v>
      </c>
      <c r="C22" s="14">
        <v>62010913</v>
      </c>
      <c r="D22" s="13" t="s">
        <v>48</v>
      </c>
      <c r="E22" s="13" t="s">
        <v>425</v>
      </c>
      <c r="F22" s="16">
        <v>23</v>
      </c>
      <c r="G22" s="16">
        <v>149885.47</v>
      </c>
      <c r="H22" s="16">
        <v>114.93</v>
      </c>
      <c r="I22" s="15">
        <v>0</v>
      </c>
      <c r="J22" s="15">
        <v>0.19220000000000001</v>
      </c>
      <c r="K22" s="15">
        <v>5.5999999999999999E-3</v>
      </c>
      <c r="L22" s="13" t="s">
        <v>7</v>
      </c>
    </row>
    <row r="23" spans="1:12" x14ac:dyDescent="0.2">
      <c r="A23" s="3" t="s">
        <v>7</v>
      </c>
      <c r="B23" s="3" t="s">
        <v>421</v>
      </c>
      <c r="C23" s="3" t="s">
        <v>7</v>
      </c>
      <c r="D23" s="3" t="s">
        <v>7</v>
      </c>
      <c r="E23" s="3" t="s">
        <v>7</v>
      </c>
      <c r="F23" s="12">
        <v>0</v>
      </c>
      <c r="G23" s="3" t="s">
        <v>7</v>
      </c>
      <c r="H23" s="12">
        <v>0</v>
      </c>
      <c r="I23" s="3" t="s">
        <v>7</v>
      </c>
      <c r="J23" s="11">
        <v>0</v>
      </c>
      <c r="K23" s="11">
        <v>0</v>
      </c>
      <c r="L23" s="3" t="s">
        <v>7</v>
      </c>
    </row>
    <row r="24" spans="1:12" x14ac:dyDescent="0.2">
      <c r="A24" s="3" t="s">
        <v>7</v>
      </c>
      <c r="B24" s="3" t="s">
        <v>422</v>
      </c>
      <c r="C24" s="3" t="s">
        <v>7</v>
      </c>
      <c r="D24" s="3" t="s">
        <v>7</v>
      </c>
      <c r="E24" s="3" t="s">
        <v>7</v>
      </c>
      <c r="F24" s="12">
        <v>0</v>
      </c>
      <c r="G24" s="3" t="s">
        <v>7</v>
      </c>
      <c r="H24" s="12">
        <v>0</v>
      </c>
      <c r="I24" s="3" t="s">
        <v>7</v>
      </c>
      <c r="J24" s="11">
        <v>0</v>
      </c>
      <c r="K24" s="11">
        <v>0</v>
      </c>
      <c r="L24" s="3" t="s">
        <v>7</v>
      </c>
    </row>
    <row r="25" spans="1:12" x14ac:dyDescent="0.2">
      <c r="A25" s="8" t="s">
        <v>7</v>
      </c>
      <c r="B25" s="8" t="s">
        <v>94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</row>
    <row r="26" spans="1:12" x14ac:dyDescent="0.2">
      <c r="A26" s="8" t="s">
        <v>7</v>
      </c>
      <c r="B26" s="8" t="s">
        <v>120</v>
      </c>
      <c r="C26" s="8" t="s">
        <v>7</v>
      </c>
      <c r="D26" s="8" t="s">
        <v>7</v>
      </c>
      <c r="E26" s="8" t="s">
        <v>7</v>
      </c>
      <c r="F26" s="8" t="s">
        <v>7</v>
      </c>
      <c r="G26" s="8" t="s">
        <v>7</v>
      </c>
      <c r="H26" s="8" t="s">
        <v>7</v>
      </c>
      <c r="I26" s="8" t="s">
        <v>7</v>
      </c>
      <c r="J26" s="8" t="s">
        <v>7</v>
      </c>
      <c r="K26" s="8" t="s">
        <v>7</v>
      </c>
      <c r="L26" s="8" t="s">
        <v>7</v>
      </c>
    </row>
    <row r="27" spans="1:12" x14ac:dyDescent="0.2">
      <c r="A27" s="7" t="s">
        <v>278</v>
      </c>
      <c r="B27" s="7" t="s">
        <v>59</v>
      </c>
    </row>
  </sheetData>
  <pageMargins left="0.7" right="0.7" top="0.75" bottom="0.75" header="0.3" footer="0.3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6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8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52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42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61</v>
      </c>
      <c r="C8" s="1" t="s">
        <v>62</v>
      </c>
      <c r="D8" s="1" t="s">
        <v>123</v>
      </c>
      <c r="E8" s="1" t="s">
        <v>66</v>
      </c>
      <c r="F8" s="1" t="s">
        <v>98</v>
      </c>
      <c r="G8" s="1" t="s">
        <v>100</v>
      </c>
      <c r="H8" s="1" t="s">
        <v>101</v>
      </c>
      <c r="I8" s="1" t="s">
        <v>9</v>
      </c>
      <c r="J8" s="1" t="s">
        <v>103</v>
      </c>
      <c r="K8" s="1" t="s">
        <v>70</v>
      </c>
      <c r="L8" s="1" t="s">
        <v>104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6</v>
      </c>
      <c r="H9" s="1" t="s">
        <v>10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1:13" x14ac:dyDescent="0.2">
      <c r="A11" s="8" t="s">
        <v>7</v>
      </c>
      <c r="B11" s="8" t="s">
        <v>36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0</v>
      </c>
      <c r="J11" s="9">
        <v>0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427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42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11">
        <v>0</v>
      </c>
      <c r="M13" s="3" t="s">
        <v>7</v>
      </c>
    </row>
    <row r="14" spans="1:13" x14ac:dyDescent="0.2">
      <c r="A14" s="8" t="s">
        <v>7</v>
      </c>
      <c r="B14" s="8" t="s">
        <v>94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  <c r="L14" s="8" t="s">
        <v>7</v>
      </c>
      <c r="M14" s="8" t="s">
        <v>7</v>
      </c>
    </row>
    <row r="15" spans="1:13" x14ac:dyDescent="0.2">
      <c r="A15" s="8" t="s">
        <v>7</v>
      </c>
      <c r="B15" s="8" t="s">
        <v>120</v>
      </c>
      <c r="C15" s="8" t="s">
        <v>7</v>
      </c>
      <c r="D15" s="8" t="s">
        <v>7</v>
      </c>
      <c r="E15" s="8" t="s">
        <v>7</v>
      </c>
      <c r="F15" s="8" t="s">
        <v>7</v>
      </c>
      <c r="G15" s="8" t="s">
        <v>7</v>
      </c>
      <c r="H15" s="8" t="s">
        <v>7</v>
      </c>
      <c r="I15" s="8" t="s">
        <v>7</v>
      </c>
      <c r="J15" s="8" t="s">
        <v>7</v>
      </c>
      <c r="K15" s="8" t="s">
        <v>7</v>
      </c>
      <c r="L15" s="8" t="s">
        <v>7</v>
      </c>
      <c r="M15" s="8" t="s">
        <v>7</v>
      </c>
    </row>
    <row r="16" spans="1:13" x14ac:dyDescent="0.2">
      <c r="A16" s="7" t="s">
        <v>278</v>
      </c>
      <c r="B16" s="7" t="s">
        <v>59</v>
      </c>
    </row>
  </sheetData>
  <pageMargins left="0.7" right="0.7" top="0.75" bottom="0.75" header="0.3" footer="0.3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6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5" width="10" customWidth="1"/>
    <col min="6" max="6" width="13" customWidth="1"/>
    <col min="7" max="7" width="10" customWidth="1"/>
    <col min="8" max="8" width="5" customWidth="1"/>
    <col min="9" max="9" width="11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52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42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61</v>
      </c>
      <c r="C8" s="1" t="s">
        <v>62</v>
      </c>
      <c r="D8" s="1" t="s">
        <v>123</v>
      </c>
      <c r="E8" s="1" t="s">
        <v>66</v>
      </c>
      <c r="F8" s="1" t="s">
        <v>98</v>
      </c>
      <c r="G8" s="1" t="s">
        <v>100</v>
      </c>
      <c r="H8" s="1" t="s">
        <v>101</v>
      </c>
      <c r="I8" s="1" t="s">
        <v>9</v>
      </c>
      <c r="J8" s="1" t="s">
        <v>103</v>
      </c>
      <c r="K8" s="1" t="s">
        <v>70</v>
      </c>
      <c r="L8" s="1" t="s">
        <v>104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134</v>
      </c>
      <c r="G9" s="1" t="s">
        <v>135</v>
      </c>
      <c r="H9" s="1" t="s">
        <v>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1:13" x14ac:dyDescent="0.2">
      <c r="A11" s="8" t="s">
        <v>7</v>
      </c>
      <c r="B11" s="8" t="s">
        <v>376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0</v>
      </c>
      <c r="J11" s="9">
        <v>0</v>
      </c>
      <c r="K11" s="9">
        <v>0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430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377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11">
        <v>0</v>
      </c>
      <c r="M13" s="3" t="s">
        <v>7</v>
      </c>
    </row>
    <row r="14" spans="1:13" x14ac:dyDescent="0.2">
      <c r="A14" s="3" t="s">
        <v>7</v>
      </c>
      <c r="B14" s="3" t="s">
        <v>431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0</v>
      </c>
      <c r="J14" s="11">
        <v>0</v>
      </c>
      <c r="K14" s="11">
        <v>0</v>
      </c>
      <c r="L14" s="11">
        <v>0</v>
      </c>
      <c r="M14" s="3" t="s">
        <v>7</v>
      </c>
    </row>
    <row r="15" spans="1:13" x14ac:dyDescent="0.2">
      <c r="A15" s="3" t="s">
        <v>7</v>
      </c>
      <c r="B15" s="3" t="s">
        <v>432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12">
        <v>0</v>
      </c>
      <c r="J15" s="11">
        <v>0</v>
      </c>
      <c r="K15" s="11">
        <v>0</v>
      </c>
      <c r="L15" s="11">
        <v>0</v>
      </c>
      <c r="M15" s="3" t="s">
        <v>7</v>
      </c>
    </row>
    <row r="16" spans="1:13" x14ac:dyDescent="0.2">
      <c r="A16" s="3" t="s">
        <v>7</v>
      </c>
      <c r="B16" s="3" t="s">
        <v>379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12">
        <v>0</v>
      </c>
      <c r="J16" s="11">
        <v>0</v>
      </c>
      <c r="K16" s="11">
        <v>0</v>
      </c>
      <c r="L16" s="11">
        <v>0</v>
      </c>
      <c r="M16" s="3" t="s">
        <v>7</v>
      </c>
    </row>
    <row r="17" spans="1:13" x14ac:dyDescent="0.2">
      <c r="A17" s="3" t="s">
        <v>7</v>
      </c>
      <c r="B17" s="3" t="s">
        <v>28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11">
        <v>0</v>
      </c>
      <c r="K17" s="11">
        <v>0</v>
      </c>
      <c r="L17" s="11">
        <v>0</v>
      </c>
      <c r="M17" s="3" t="s">
        <v>7</v>
      </c>
    </row>
    <row r="18" spans="1:13" x14ac:dyDescent="0.2">
      <c r="A18" s="3" t="s">
        <v>7</v>
      </c>
      <c r="B18" s="3" t="s">
        <v>433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12">
        <v>0</v>
      </c>
      <c r="J18" s="11">
        <v>0</v>
      </c>
      <c r="K18" s="11">
        <v>0</v>
      </c>
      <c r="L18" s="11">
        <v>0</v>
      </c>
      <c r="M18" s="3" t="s">
        <v>7</v>
      </c>
    </row>
    <row r="19" spans="1:13" x14ac:dyDescent="0.2">
      <c r="A19" s="3" t="s">
        <v>7</v>
      </c>
      <c r="B19" s="3" t="s">
        <v>377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12">
        <v>0</v>
      </c>
      <c r="J19" s="11">
        <v>0</v>
      </c>
      <c r="K19" s="11">
        <v>0</v>
      </c>
      <c r="L19" s="11">
        <v>0</v>
      </c>
      <c r="M19" s="3" t="s">
        <v>7</v>
      </c>
    </row>
    <row r="20" spans="1:13" x14ac:dyDescent="0.2">
      <c r="A20" s="3" t="s">
        <v>7</v>
      </c>
      <c r="B20" s="3" t="s">
        <v>384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12">
        <v>0</v>
      </c>
      <c r="J20" s="11">
        <v>0</v>
      </c>
      <c r="K20" s="11">
        <v>0</v>
      </c>
      <c r="L20" s="11">
        <v>0</v>
      </c>
      <c r="M20" s="3" t="s">
        <v>7</v>
      </c>
    </row>
    <row r="21" spans="1:13" x14ac:dyDescent="0.2">
      <c r="A21" s="3" t="s">
        <v>7</v>
      </c>
      <c r="B21" s="3" t="s">
        <v>379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11">
        <v>0</v>
      </c>
      <c r="K21" s="11">
        <v>0</v>
      </c>
      <c r="L21" s="11">
        <v>0</v>
      </c>
      <c r="M21" s="3" t="s">
        <v>7</v>
      </c>
    </row>
    <row r="22" spans="1:13" x14ac:dyDescent="0.2">
      <c r="A22" s="3" t="s">
        <v>7</v>
      </c>
      <c r="B22" s="3" t="s">
        <v>385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11">
        <v>0</v>
      </c>
      <c r="K22" s="11">
        <v>0</v>
      </c>
      <c r="L22" s="11">
        <v>0</v>
      </c>
      <c r="M22" s="3" t="s">
        <v>7</v>
      </c>
    </row>
    <row r="23" spans="1:13" x14ac:dyDescent="0.2">
      <c r="A23" s="3" t="s">
        <v>7</v>
      </c>
      <c r="B23" s="3" t="s">
        <v>288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11">
        <v>0</v>
      </c>
      <c r="K23" s="11">
        <v>0</v>
      </c>
      <c r="L23" s="11">
        <v>0</v>
      </c>
      <c r="M23" s="3" t="s">
        <v>7</v>
      </c>
    </row>
    <row r="24" spans="1:13" x14ac:dyDescent="0.2">
      <c r="A24" s="8" t="s">
        <v>7</v>
      </c>
      <c r="B24" s="8" t="s">
        <v>94</v>
      </c>
      <c r="C24" s="8" t="s">
        <v>7</v>
      </c>
      <c r="D24" s="8" t="s">
        <v>7</v>
      </c>
      <c r="E24" s="8" t="s">
        <v>7</v>
      </c>
      <c r="F24" s="8" t="s">
        <v>7</v>
      </c>
      <c r="G24" s="8" t="s">
        <v>7</v>
      </c>
      <c r="H24" s="8" t="s">
        <v>7</v>
      </c>
      <c r="I24" s="8" t="s">
        <v>7</v>
      </c>
      <c r="J24" s="8" t="s">
        <v>7</v>
      </c>
      <c r="K24" s="8" t="s">
        <v>7</v>
      </c>
      <c r="L24" s="8" t="s">
        <v>7</v>
      </c>
      <c r="M24" s="8" t="s">
        <v>7</v>
      </c>
    </row>
    <row r="25" spans="1:13" x14ac:dyDescent="0.2">
      <c r="A25" s="8" t="s">
        <v>7</v>
      </c>
      <c r="B25" s="8" t="s">
        <v>120</v>
      </c>
      <c r="C25" s="8" t="s">
        <v>7</v>
      </c>
      <c r="D25" s="8" t="s">
        <v>7</v>
      </c>
      <c r="E25" s="8" t="s">
        <v>7</v>
      </c>
      <c r="F25" s="8" t="s">
        <v>7</v>
      </c>
      <c r="G25" s="8" t="s">
        <v>7</v>
      </c>
      <c r="H25" s="8" t="s">
        <v>7</v>
      </c>
      <c r="I25" s="8" t="s">
        <v>7</v>
      </c>
      <c r="J25" s="8" t="s">
        <v>7</v>
      </c>
      <c r="K25" s="8" t="s">
        <v>7</v>
      </c>
      <c r="L25" s="8" t="s">
        <v>7</v>
      </c>
      <c r="M25" s="8" t="s">
        <v>7</v>
      </c>
    </row>
    <row r="26" spans="1:13" x14ac:dyDescent="0.2">
      <c r="A26" s="7" t="s">
        <v>278</v>
      </c>
      <c r="B26" s="7" t="s">
        <v>59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30"/>
  <sheetViews>
    <sheetView rightToLeft="1" workbookViewId="0">
      <selection activeCell="C25" sqref="C25"/>
    </sheetView>
  </sheetViews>
  <sheetFormatPr defaultRowHeight="14.25" x14ac:dyDescent="0.2"/>
  <cols>
    <col min="1" max="1" width="2" customWidth="1"/>
    <col min="2" max="2" width="40" customWidth="1"/>
    <col min="3" max="4" width="12" customWidth="1"/>
    <col min="5" max="5" width="7" customWidth="1"/>
    <col min="6" max="6" width="11" customWidth="1"/>
    <col min="7" max="7" width="16" customWidth="1"/>
    <col min="8" max="8" width="13" customWidth="1"/>
    <col min="9" max="9" width="15" customWidth="1"/>
    <col min="10" max="10" width="10" customWidth="1"/>
    <col min="11" max="11" width="24" customWidth="1"/>
    <col min="12" max="12" width="21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52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60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66</v>
      </c>
      <c r="H7" s="1" t="s">
        <v>67</v>
      </c>
      <c r="I7" s="1" t="s">
        <v>68</v>
      </c>
      <c r="J7" s="1" t="s">
        <v>69</v>
      </c>
      <c r="K7" s="1" t="s">
        <v>70</v>
      </c>
      <c r="L7" s="1" t="s">
        <v>71</v>
      </c>
    </row>
    <row r="8" spans="1:12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7</v>
      </c>
      <c r="H8" s="1" t="s">
        <v>12</v>
      </c>
      <c r="I8" s="1" t="s">
        <v>12</v>
      </c>
      <c r="J8" s="1" t="s">
        <v>11</v>
      </c>
      <c r="K8" s="1" t="s">
        <v>12</v>
      </c>
      <c r="L8" s="1" t="s">
        <v>12</v>
      </c>
    </row>
    <row r="9" spans="1:12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</row>
    <row r="10" spans="1:12" x14ac:dyDescent="0.2">
      <c r="A10" s="8" t="s">
        <v>7</v>
      </c>
      <c r="B10" s="8" t="s">
        <v>8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9">
        <v>1E-4</v>
      </c>
      <c r="I10" s="9">
        <v>0</v>
      </c>
      <c r="J10" s="10">
        <v>1476.22</v>
      </c>
      <c r="K10" s="9">
        <v>1</v>
      </c>
      <c r="L10" s="9">
        <v>7.1400000000000005E-2</v>
      </c>
    </row>
    <row r="11" spans="1:12" x14ac:dyDescent="0.2">
      <c r="A11" s="3" t="s">
        <v>7</v>
      </c>
      <c r="B11" s="3" t="s">
        <v>81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11">
        <v>1E-4</v>
      </c>
      <c r="I11" s="11">
        <v>0</v>
      </c>
      <c r="J11" s="12">
        <v>1476.22</v>
      </c>
      <c r="K11" s="11">
        <v>1</v>
      </c>
      <c r="L11" s="11">
        <v>7.1400000000000005E-2</v>
      </c>
    </row>
    <row r="12" spans="1:12" x14ac:dyDescent="0.2">
      <c r="A12" s="3" t="s">
        <v>7</v>
      </c>
      <c r="B12" s="3" t="s">
        <v>82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3" t="s">
        <v>7</v>
      </c>
      <c r="L12" s="3" t="s">
        <v>7</v>
      </c>
    </row>
    <row r="13" spans="1:12" x14ac:dyDescent="0.2">
      <c r="A13" s="13" t="s">
        <v>7</v>
      </c>
      <c r="B13" s="13" t="s">
        <v>509</v>
      </c>
      <c r="C13" s="14">
        <v>111111111</v>
      </c>
      <c r="D13" s="14">
        <v>12</v>
      </c>
      <c r="E13" s="13" t="s">
        <v>83</v>
      </c>
      <c r="F13" s="13" t="s">
        <v>84</v>
      </c>
      <c r="G13" s="13" t="s">
        <v>85</v>
      </c>
      <c r="H13" s="15">
        <v>0</v>
      </c>
      <c r="I13" s="15">
        <v>0</v>
      </c>
      <c r="J13" s="16">
        <v>0.03</v>
      </c>
      <c r="K13" s="15">
        <v>0</v>
      </c>
      <c r="L13" s="15">
        <v>0</v>
      </c>
    </row>
    <row r="14" spans="1:12" x14ac:dyDescent="0.2">
      <c r="A14" s="3" t="s">
        <v>7</v>
      </c>
      <c r="B14" s="3" t="s">
        <v>86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3" t="s">
        <v>7</v>
      </c>
      <c r="L14" s="3" t="s">
        <v>7</v>
      </c>
    </row>
    <row r="15" spans="1:12" x14ac:dyDescent="0.2">
      <c r="A15" s="13" t="s">
        <v>7</v>
      </c>
      <c r="B15" s="13" t="s">
        <v>510</v>
      </c>
      <c r="C15" s="14">
        <v>110006038</v>
      </c>
      <c r="D15" s="14">
        <v>12</v>
      </c>
      <c r="E15" s="13" t="s">
        <v>83</v>
      </c>
      <c r="F15" s="13" t="s">
        <v>84</v>
      </c>
      <c r="G15" s="13" t="s">
        <v>52</v>
      </c>
      <c r="H15" s="15">
        <v>0</v>
      </c>
      <c r="I15" s="15">
        <v>0</v>
      </c>
      <c r="J15" s="16">
        <v>7.92</v>
      </c>
      <c r="K15" s="15">
        <v>5.4000000000000003E-3</v>
      </c>
      <c r="L15" s="15">
        <v>4.0000000000000002E-4</v>
      </c>
    </row>
    <row r="16" spans="1:12" x14ac:dyDescent="0.2">
      <c r="A16" s="13" t="s">
        <v>7</v>
      </c>
      <c r="B16" s="13" t="s">
        <v>511</v>
      </c>
      <c r="C16" s="14">
        <v>110003068</v>
      </c>
      <c r="D16" s="14">
        <v>12</v>
      </c>
      <c r="E16" s="13" t="s">
        <v>83</v>
      </c>
      <c r="F16" s="13" t="s">
        <v>84</v>
      </c>
      <c r="G16" s="13" t="s">
        <v>50</v>
      </c>
      <c r="H16" s="15">
        <v>0</v>
      </c>
      <c r="I16" s="15">
        <v>0</v>
      </c>
      <c r="J16" s="16">
        <v>1.33</v>
      </c>
      <c r="K16" s="15">
        <v>8.9999999999999998E-4</v>
      </c>
      <c r="L16" s="15">
        <v>1E-4</v>
      </c>
    </row>
    <row r="17" spans="1:12" x14ac:dyDescent="0.2">
      <c r="A17" s="13" t="s">
        <v>7</v>
      </c>
      <c r="B17" s="13" t="s">
        <v>512</v>
      </c>
      <c r="C17" s="14">
        <v>110002805</v>
      </c>
      <c r="D17" s="14">
        <v>12</v>
      </c>
      <c r="E17" s="13" t="s">
        <v>83</v>
      </c>
      <c r="F17" s="13" t="s">
        <v>84</v>
      </c>
      <c r="G17" s="13" t="s">
        <v>48</v>
      </c>
      <c r="H17" s="15">
        <v>0</v>
      </c>
      <c r="I17" s="15">
        <v>0</v>
      </c>
      <c r="J17" s="16">
        <v>63.22</v>
      </c>
      <c r="K17" s="15">
        <v>4.2799999999999998E-2</v>
      </c>
      <c r="L17" s="15">
        <v>3.0999999999999999E-3</v>
      </c>
    </row>
    <row r="18" spans="1:12" x14ac:dyDescent="0.2">
      <c r="A18" s="13" t="s">
        <v>7</v>
      </c>
      <c r="B18" s="13" t="s">
        <v>513</v>
      </c>
      <c r="C18" s="14">
        <v>110010568</v>
      </c>
      <c r="D18" s="14">
        <v>12</v>
      </c>
      <c r="E18" s="13" t="s">
        <v>83</v>
      </c>
      <c r="F18" s="13" t="s">
        <v>84</v>
      </c>
      <c r="G18" s="13" t="s">
        <v>56</v>
      </c>
      <c r="H18" s="15">
        <v>0</v>
      </c>
      <c r="I18" s="15">
        <v>0</v>
      </c>
      <c r="J18" s="16">
        <v>0.36</v>
      </c>
      <c r="K18" s="15">
        <v>2.0000000000000001E-4</v>
      </c>
      <c r="L18" s="15">
        <v>0</v>
      </c>
    </row>
    <row r="19" spans="1:12" x14ac:dyDescent="0.2">
      <c r="A19" s="13" t="s">
        <v>7</v>
      </c>
      <c r="B19" s="13" t="s">
        <v>514</v>
      </c>
      <c r="C19" s="14">
        <v>110002987</v>
      </c>
      <c r="D19" s="14">
        <v>12</v>
      </c>
      <c r="E19" s="13" t="s">
        <v>83</v>
      </c>
      <c r="F19" s="13" t="s">
        <v>84</v>
      </c>
      <c r="G19" s="13" t="s">
        <v>54</v>
      </c>
      <c r="H19" s="15">
        <v>0</v>
      </c>
      <c r="I19" s="15">
        <v>0</v>
      </c>
      <c r="J19" s="16">
        <v>125.63</v>
      </c>
      <c r="K19" s="15">
        <v>8.5099999999999995E-2</v>
      </c>
      <c r="L19" s="15">
        <v>6.1000000000000004E-3</v>
      </c>
    </row>
    <row r="20" spans="1:12" x14ac:dyDescent="0.2">
      <c r="A20" s="3" t="s">
        <v>7</v>
      </c>
      <c r="B20" s="3" t="s">
        <v>87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3" t="s">
        <v>7</v>
      </c>
      <c r="K20" s="3" t="s">
        <v>7</v>
      </c>
      <c r="L20" s="3" t="s">
        <v>7</v>
      </c>
    </row>
    <row r="21" spans="1:12" x14ac:dyDescent="0.2">
      <c r="A21" s="13" t="s">
        <v>7</v>
      </c>
      <c r="B21" s="13" t="s">
        <v>509</v>
      </c>
      <c r="C21" s="14">
        <v>111111222</v>
      </c>
      <c r="D21" s="14">
        <v>12</v>
      </c>
      <c r="E21" s="13" t="s">
        <v>83</v>
      </c>
      <c r="F21" s="13" t="s">
        <v>84</v>
      </c>
      <c r="G21" s="13" t="s">
        <v>85</v>
      </c>
      <c r="H21" s="15">
        <v>1E-4</v>
      </c>
      <c r="I21" s="15">
        <v>0</v>
      </c>
      <c r="J21" s="16">
        <v>1277.73</v>
      </c>
      <c r="K21" s="15">
        <v>0.86550000000000005</v>
      </c>
      <c r="L21" s="15">
        <v>6.1800000000000001E-2</v>
      </c>
    </row>
    <row r="22" spans="1:12" x14ac:dyDescent="0.2">
      <c r="A22" s="3" t="s">
        <v>7</v>
      </c>
      <c r="B22" s="3" t="s">
        <v>88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3" t="s">
        <v>7</v>
      </c>
      <c r="J22" s="3" t="s">
        <v>7</v>
      </c>
      <c r="K22" s="3" t="s">
        <v>7</v>
      </c>
      <c r="L22" s="3" t="s">
        <v>7</v>
      </c>
    </row>
    <row r="23" spans="1:12" x14ac:dyDescent="0.2">
      <c r="A23" s="3" t="s">
        <v>7</v>
      </c>
      <c r="B23" s="3" t="s">
        <v>89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3" t="s">
        <v>7</v>
      </c>
      <c r="J23" s="3" t="s">
        <v>7</v>
      </c>
      <c r="K23" s="3" t="s">
        <v>7</v>
      </c>
      <c r="L23" s="3" t="s">
        <v>7</v>
      </c>
    </row>
    <row r="24" spans="1:12" x14ac:dyDescent="0.2">
      <c r="A24" s="3" t="s">
        <v>7</v>
      </c>
      <c r="B24" s="3" t="s">
        <v>90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3" t="s">
        <v>7</v>
      </c>
      <c r="I24" s="3" t="s">
        <v>7</v>
      </c>
      <c r="J24" s="3" t="s">
        <v>7</v>
      </c>
      <c r="K24" s="3" t="s">
        <v>7</v>
      </c>
      <c r="L24" s="3" t="s">
        <v>7</v>
      </c>
    </row>
    <row r="25" spans="1:12" x14ac:dyDescent="0.2">
      <c r="A25" s="3" t="s">
        <v>7</v>
      </c>
      <c r="B25" s="3" t="s">
        <v>91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3" t="s">
        <v>7</v>
      </c>
      <c r="I25" s="3" t="s">
        <v>7</v>
      </c>
      <c r="J25" s="3" t="s">
        <v>7</v>
      </c>
      <c r="K25" s="3" t="s">
        <v>7</v>
      </c>
      <c r="L25" s="3" t="s">
        <v>7</v>
      </c>
    </row>
    <row r="26" spans="1:12" x14ac:dyDescent="0.2">
      <c r="A26" s="3" t="s">
        <v>7</v>
      </c>
      <c r="B26" s="3" t="s">
        <v>92</v>
      </c>
      <c r="C26" s="3" t="s">
        <v>7</v>
      </c>
      <c r="D26" s="3" t="s">
        <v>7</v>
      </c>
      <c r="E26" s="3" t="s">
        <v>7</v>
      </c>
      <c r="F26" s="3" t="s">
        <v>7</v>
      </c>
      <c r="G26" s="3" t="s">
        <v>7</v>
      </c>
      <c r="H26" s="11">
        <v>0</v>
      </c>
      <c r="I26" s="11">
        <v>0</v>
      </c>
      <c r="J26" s="12">
        <v>0</v>
      </c>
      <c r="K26" s="11">
        <v>0</v>
      </c>
      <c r="L26" s="11">
        <v>0</v>
      </c>
    </row>
    <row r="27" spans="1:12" x14ac:dyDescent="0.2">
      <c r="A27" s="3" t="s">
        <v>7</v>
      </c>
      <c r="B27" s="3" t="s">
        <v>93</v>
      </c>
      <c r="C27" s="3" t="s">
        <v>7</v>
      </c>
      <c r="D27" s="3" t="s">
        <v>7</v>
      </c>
      <c r="E27" s="3" t="s">
        <v>7</v>
      </c>
      <c r="F27" s="3" t="s">
        <v>7</v>
      </c>
      <c r="G27" s="3" t="s">
        <v>7</v>
      </c>
      <c r="H27" s="3" t="s">
        <v>7</v>
      </c>
      <c r="I27" s="3" t="s">
        <v>7</v>
      </c>
      <c r="J27" s="3" t="s">
        <v>7</v>
      </c>
      <c r="K27" s="3" t="s">
        <v>7</v>
      </c>
      <c r="L27" s="3" t="s">
        <v>7</v>
      </c>
    </row>
    <row r="28" spans="1:12" x14ac:dyDescent="0.2">
      <c r="A28" s="3" t="s">
        <v>7</v>
      </c>
      <c r="B28" s="3" t="s">
        <v>91</v>
      </c>
      <c r="C28" s="3" t="s">
        <v>7</v>
      </c>
      <c r="D28" s="3" t="s">
        <v>7</v>
      </c>
      <c r="E28" s="3" t="s">
        <v>7</v>
      </c>
      <c r="F28" s="3" t="s">
        <v>7</v>
      </c>
      <c r="G28" s="3" t="s">
        <v>7</v>
      </c>
      <c r="H28" s="3" t="s">
        <v>7</v>
      </c>
      <c r="I28" s="3" t="s">
        <v>7</v>
      </c>
      <c r="J28" s="3" t="s">
        <v>7</v>
      </c>
      <c r="K28" s="3" t="s">
        <v>7</v>
      </c>
      <c r="L28" s="3" t="s">
        <v>7</v>
      </c>
    </row>
    <row r="29" spans="1:12" x14ac:dyDescent="0.2">
      <c r="A29" s="8" t="s">
        <v>7</v>
      </c>
      <c r="B29" s="8" t="s">
        <v>94</v>
      </c>
      <c r="C29" s="8" t="s">
        <v>7</v>
      </c>
      <c r="D29" s="8" t="s">
        <v>7</v>
      </c>
      <c r="E29" s="8" t="s">
        <v>7</v>
      </c>
      <c r="F29" s="8" t="s">
        <v>7</v>
      </c>
      <c r="G29" s="8" t="s">
        <v>7</v>
      </c>
      <c r="H29" s="8" t="s">
        <v>7</v>
      </c>
      <c r="I29" s="8" t="s">
        <v>7</v>
      </c>
      <c r="J29" s="8" t="s">
        <v>7</v>
      </c>
      <c r="K29" s="8" t="s">
        <v>7</v>
      </c>
      <c r="L29" s="8" t="s">
        <v>7</v>
      </c>
    </row>
    <row r="30" spans="1:12" x14ac:dyDescent="0.2">
      <c r="A30" s="7" t="s">
        <v>58</v>
      </c>
      <c r="B30" s="7" t="s">
        <v>59</v>
      </c>
    </row>
  </sheetData>
  <pageMargins left="0.7" right="0.7" top="0.75" bottom="0.75" header="0.3" footer="0.3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29"/>
  <sheetViews>
    <sheetView rightToLeft="1" topLeftCell="A16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10" customWidth="1"/>
    <col min="5" max="5" width="14" customWidth="1"/>
    <col min="6" max="6" width="13" customWidth="1"/>
    <col min="7" max="7" width="15" customWidth="1"/>
    <col min="8" max="8" width="8" customWidth="1"/>
    <col min="9" max="9" width="11" customWidth="1"/>
    <col min="10" max="10" width="24" customWidth="1"/>
    <col min="11" max="11" width="23" customWidth="1"/>
    <col min="12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52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434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61</v>
      </c>
      <c r="C8" s="1" t="s">
        <v>62</v>
      </c>
      <c r="D8" s="1" t="s">
        <v>123</v>
      </c>
      <c r="E8" s="1" t="s">
        <v>66</v>
      </c>
      <c r="F8" s="1" t="s">
        <v>98</v>
      </c>
      <c r="G8" s="1" t="s">
        <v>100</v>
      </c>
      <c r="H8" s="1" t="s">
        <v>101</v>
      </c>
      <c r="I8" s="1" t="s">
        <v>9</v>
      </c>
      <c r="J8" s="1" t="s">
        <v>70</v>
      </c>
      <c r="K8" s="1" t="s">
        <v>104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6</v>
      </c>
      <c r="H9" s="1" t="s">
        <v>107</v>
      </c>
      <c r="I9" s="1" t="s">
        <v>11</v>
      </c>
      <c r="J9" s="1" t="s">
        <v>12</v>
      </c>
      <c r="K9" s="1" t="s">
        <v>12</v>
      </c>
      <c r="L9" s="1" t="s">
        <v>7</v>
      </c>
    </row>
    <row r="10" spans="1:1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</v>
      </c>
    </row>
    <row r="11" spans="1:12" x14ac:dyDescent="0.2">
      <c r="A11" s="8" t="s">
        <v>7</v>
      </c>
      <c r="B11" s="8" t="s">
        <v>38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-182.72</v>
      </c>
      <c r="J11" s="9">
        <v>1</v>
      </c>
      <c r="K11" s="9">
        <v>-8.8000000000000005E-3</v>
      </c>
      <c r="L11" s="8" t="s">
        <v>7</v>
      </c>
    </row>
    <row r="12" spans="1:12" x14ac:dyDescent="0.2">
      <c r="A12" s="3" t="s">
        <v>7</v>
      </c>
      <c r="B12" s="3" t="s">
        <v>435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-182.72</v>
      </c>
      <c r="J12" s="11">
        <v>1</v>
      </c>
      <c r="K12" s="11">
        <v>-8.8000000000000005E-3</v>
      </c>
      <c r="L12" s="3" t="s">
        <v>7</v>
      </c>
    </row>
    <row r="13" spans="1:12" x14ac:dyDescent="0.2">
      <c r="A13" s="3" t="s">
        <v>7</v>
      </c>
      <c r="B13" s="3" t="s">
        <v>377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0</v>
      </c>
      <c r="J13" s="11">
        <v>0</v>
      </c>
      <c r="K13" s="11">
        <v>0</v>
      </c>
      <c r="L13" s="3" t="s">
        <v>7</v>
      </c>
    </row>
    <row r="14" spans="1:12" x14ac:dyDescent="0.2">
      <c r="A14" s="3" t="s">
        <v>7</v>
      </c>
      <c r="B14" s="3" t="s">
        <v>431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-182.72</v>
      </c>
      <c r="J14" s="11">
        <v>1</v>
      </c>
      <c r="K14" s="11">
        <v>-8.8000000000000005E-3</v>
      </c>
      <c r="L14" s="3" t="s">
        <v>7</v>
      </c>
    </row>
    <row r="15" spans="1:12" x14ac:dyDescent="0.2">
      <c r="A15" s="13" t="s">
        <v>7</v>
      </c>
      <c r="B15" s="13" t="s">
        <v>436</v>
      </c>
      <c r="C15" s="14">
        <v>9905960</v>
      </c>
      <c r="D15" s="13" t="s">
        <v>437</v>
      </c>
      <c r="E15" s="13" t="s">
        <v>48</v>
      </c>
      <c r="F15" s="13" t="s">
        <v>438</v>
      </c>
      <c r="G15" s="16">
        <v>-2401430</v>
      </c>
      <c r="H15" s="16">
        <v>2.27</v>
      </c>
      <c r="I15" s="16">
        <v>-181.54</v>
      </c>
      <c r="J15" s="15">
        <v>0.99350000000000005</v>
      </c>
      <c r="K15" s="15">
        <v>-8.8000000000000005E-3</v>
      </c>
      <c r="L15" s="13" t="s">
        <v>7</v>
      </c>
    </row>
    <row r="16" spans="1:12" x14ac:dyDescent="0.2">
      <c r="A16" s="13" t="s">
        <v>7</v>
      </c>
      <c r="B16" s="13" t="s">
        <v>439</v>
      </c>
      <c r="C16" s="14">
        <v>9906059</v>
      </c>
      <c r="D16" s="13" t="s">
        <v>437</v>
      </c>
      <c r="E16" s="13" t="s">
        <v>48</v>
      </c>
      <c r="F16" s="13" t="s">
        <v>440</v>
      </c>
      <c r="G16" s="16">
        <v>191900</v>
      </c>
      <c r="H16" s="16">
        <v>-0.12</v>
      </c>
      <c r="I16" s="16">
        <v>-0.77</v>
      </c>
      <c r="J16" s="15">
        <v>4.1999999999999997E-3</v>
      </c>
      <c r="K16" s="15">
        <v>0</v>
      </c>
      <c r="L16" s="13" t="s">
        <v>7</v>
      </c>
    </row>
    <row r="17" spans="1:12" x14ac:dyDescent="0.2">
      <c r="A17" s="13" t="s">
        <v>7</v>
      </c>
      <c r="B17" s="13" t="s">
        <v>441</v>
      </c>
      <c r="C17" s="14">
        <v>9905961</v>
      </c>
      <c r="D17" s="13" t="s">
        <v>437</v>
      </c>
      <c r="E17" s="13" t="s">
        <v>54</v>
      </c>
      <c r="F17" s="13" t="s">
        <v>438</v>
      </c>
      <c r="G17" s="16">
        <v>-190066</v>
      </c>
      <c r="H17" s="16">
        <v>-1.1599999999999999</v>
      </c>
      <c r="I17" s="16">
        <v>8.65</v>
      </c>
      <c r="J17" s="15">
        <v>-4.7300000000000002E-2</v>
      </c>
      <c r="K17" s="15">
        <v>4.0000000000000002E-4</v>
      </c>
      <c r="L17" s="13" t="s">
        <v>7</v>
      </c>
    </row>
    <row r="18" spans="1:12" x14ac:dyDescent="0.2">
      <c r="A18" s="13" t="s">
        <v>7</v>
      </c>
      <c r="B18" s="13" t="s">
        <v>442</v>
      </c>
      <c r="C18" s="14">
        <v>9905978</v>
      </c>
      <c r="D18" s="13" t="s">
        <v>437</v>
      </c>
      <c r="E18" s="13" t="s">
        <v>48</v>
      </c>
      <c r="F18" s="13" t="s">
        <v>443</v>
      </c>
      <c r="G18" s="16">
        <v>-103800</v>
      </c>
      <c r="H18" s="16">
        <v>2.62</v>
      </c>
      <c r="I18" s="16">
        <v>-9.06</v>
      </c>
      <c r="J18" s="15">
        <v>4.9599999999999998E-2</v>
      </c>
      <c r="K18" s="15">
        <v>-4.0000000000000002E-4</v>
      </c>
      <c r="L18" s="13" t="s">
        <v>7</v>
      </c>
    </row>
    <row r="19" spans="1:12" x14ac:dyDescent="0.2">
      <c r="A19" s="3" t="s">
        <v>7</v>
      </c>
      <c r="B19" s="3" t="s">
        <v>432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12">
        <v>0</v>
      </c>
      <c r="J19" s="11">
        <v>0</v>
      </c>
      <c r="K19" s="11">
        <v>0</v>
      </c>
      <c r="L19" s="3" t="s">
        <v>7</v>
      </c>
    </row>
    <row r="20" spans="1:12" x14ac:dyDescent="0.2">
      <c r="A20" s="3" t="s">
        <v>7</v>
      </c>
      <c r="B20" s="3" t="s">
        <v>379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12">
        <v>0</v>
      </c>
      <c r="J20" s="11">
        <v>0</v>
      </c>
      <c r="K20" s="11">
        <v>0</v>
      </c>
      <c r="L20" s="3" t="s">
        <v>7</v>
      </c>
    </row>
    <row r="21" spans="1:12" x14ac:dyDescent="0.2">
      <c r="A21" s="3" t="s">
        <v>7</v>
      </c>
      <c r="B21" s="3" t="s">
        <v>288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11">
        <v>0</v>
      </c>
      <c r="K21" s="11">
        <v>0</v>
      </c>
      <c r="L21" s="3" t="s">
        <v>7</v>
      </c>
    </row>
    <row r="22" spans="1:12" x14ac:dyDescent="0.2">
      <c r="A22" s="3" t="s">
        <v>7</v>
      </c>
      <c r="B22" s="3" t="s">
        <v>444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11">
        <v>0</v>
      </c>
      <c r="K22" s="11">
        <v>0</v>
      </c>
      <c r="L22" s="3" t="s">
        <v>7</v>
      </c>
    </row>
    <row r="23" spans="1:12" x14ac:dyDescent="0.2">
      <c r="A23" s="3" t="s">
        <v>7</v>
      </c>
      <c r="B23" s="3" t="s">
        <v>377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11">
        <v>0</v>
      </c>
      <c r="K23" s="11">
        <v>0</v>
      </c>
      <c r="L23" s="3" t="s">
        <v>7</v>
      </c>
    </row>
    <row r="24" spans="1:12" x14ac:dyDescent="0.2">
      <c r="A24" s="3" t="s">
        <v>7</v>
      </c>
      <c r="B24" s="3" t="s">
        <v>384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3" t="s">
        <v>7</v>
      </c>
      <c r="I24" s="12">
        <v>0</v>
      </c>
      <c r="J24" s="11">
        <v>0</v>
      </c>
      <c r="K24" s="11">
        <v>0</v>
      </c>
      <c r="L24" s="3" t="s">
        <v>7</v>
      </c>
    </row>
    <row r="25" spans="1:12" x14ac:dyDescent="0.2">
      <c r="A25" s="3" t="s">
        <v>7</v>
      </c>
      <c r="B25" s="3" t="s">
        <v>379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3" t="s">
        <v>7</v>
      </c>
      <c r="I25" s="12">
        <v>0</v>
      </c>
      <c r="J25" s="11">
        <v>0</v>
      </c>
      <c r="K25" s="11">
        <v>0</v>
      </c>
      <c r="L25" s="3" t="s">
        <v>7</v>
      </c>
    </row>
    <row r="26" spans="1:12" x14ac:dyDescent="0.2">
      <c r="A26" s="3" t="s">
        <v>7</v>
      </c>
      <c r="B26" s="3" t="s">
        <v>288</v>
      </c>
      <c r="C26" s="3" t="s">
        <v>7</v>
      </c>
      <c r="D26" s="3" t="s">
        <v>7</v>
      </c>
      <c r="E26" s="3" t="s">
        <v>7</v>
      </c>
      <c r="F26" s="3" t="s">
        <v>7</v>
      </c>
      <c r="G26" s="3" t="s">
        <v>7</v>
      </c>
      <c r="H26" s="3" t="s">
        <v>7</v>
      </c>
      <c r="I26" s="12">
        <v>0</v>
      </c>
      <c r="J26" s="11">
        <v>0</v>
      </c>
      <c r="K26" s="11">
        <v>0</v>
      </c>
      <c r="L26" s="3" t="s">
        <v>7</v>
      </c>
    </row>
    <row r="27" spans="1:12" x14ac:dyDescent="0.2">
      <c r="A27" s="8" t="s">
        <v>7</v>
      </c>
      <c r="B27" s="8" t="s">
        <v>94</v>
      </c>
      <c r="C27" s="8" t="s">
        <v>7</v>
      </c>
      <c r="D27" s="8" t="s">
        <v>7</v>
      </c>
      <c r="E27" s="8" t="s">
        <v>7</v>
      </c>
      <c r="F27" s="8" t="s">
        <v>7</v>
      </c>
      <c r="G27" s="8" t="s">
        <v>7</v>
      </c>
      <c r="H27" s="8" t="s">
        <v>7</v>
      </c>
      <c r="I27" s="8" t="s">
        <v>7</v>
      </c>
      <c r="J27" s="8" t="s">
        <v>7</v>
      </c>
      <c r="K27" s="8" t="s">
        <v>7</v>
      </c>
      <c r="L27" s="8" t="s">
        <v>7</v>
      </c>
    </row>
    <row r="28" spans="1:12" x14ac:dyDescent="0.2">
      <c r="A28" s="8" t="s">
        <v>7</v>
      </c>
      <c r="B28" s="8" t="s">
        <v>120</v>
      </c>
      <c r="C28" s="8" t="s">
        <v>7</v>
      </c>
      <c r="D28" s="8" t="s">
        <v>7</v>
      </c>
      <c r="E28" s="8" t="s">
        <v>7</v>
      </c>
      <c r="F28" s="8" t="s">
        <v>7</v>
      </c>
      <c r="G28" s="8" t="s">
        <v>7</v>
      </c>
      <c r="H28" s="8" t="s">
        <v>7</v>
      </c>
      <c r="I28" s="8" t="s">
        <v>7</v>
      </c>
      <c r="J28" s="8" t="s">
        <v>7</v>
      </c>
      <c r="K28" s="8" t="s">
        <v>7</v>
      </c>
      <c r="L28" s="8" t="s">
        <v>7</v>
      </c>
    </row>
    <row r="29" spans="1:12" x14ac:dyDescent="0.2">
      <c r="A29" s="7" t="s">
        <v>278</v>
      </c>
      <c r="B29" s="7" t="s">
        <v>59</v>
      </c>
    </row>
  </sheetData>
  <pageMargins left="0.7" right="0.7" top="0.75" bottom="0.75" header="0.3" footer="0.3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2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1" customWidth="1"/>
    <col min="15" max="15" width="22" customWidth="1"/>
    <col min="16" max="16" width="24" customWidth="1"/>
    <col min="17" max="17" width="23" customWidth="1"/>
    <col min="18" max="18" width="2" customWidth="1"/>
  </cols>
  <sheetData>
    <row r="1" spans="1:18" x14ac:dyDescent="0.2">
      <c r="B1" s="7" t="s">
        <v>0</v>
      </c>
      <c r="C1" s="7" t="s">
        <v>1</v>
      </c>
    </row>
    <row r="2" spans="1:18" x14ac:dyDescent="0.2">
      <c r="B2" s="7" t="s">
        <v>2</v>
      </c>
      <c r="C2" s="7" t="s">
        <v>3</v>
      </c>
    </row>
    <row r="3" spans="1:18" x14ac:dyDescent="0.2">
      <c r="B3" s="7" t="s">
        <v>4</v>
      </c>
      <c r="C3" s="7" t="s">
        <v>5</v>
      </c>
    </row>
    <row r="4" spans="1:18" x14ac:dyDescent="0.2">
      <c r="B4" s="7" t="s">
        <v>6</v>
      </c>
      <c r="C4" s="7">
        <v>1526</v>
      </c>
    </row>
    <row r="5" spans="1:18" x14ac:dyDescent="0.2">
      <c r="B5" s="7" t="s">
        <v>7</v>
      </c>
      <c r="C5" s="7" t="s">
        <v>7</v>
      </c>
    </row>
    <row r="6" spans="1:18" x14ac:dyDescent="0.2">
      <c r="A6" s="1" t="s">
        <v>7</v>
      </c>
      <c r="B6" s="1" t="s">
        <v>3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</row>
    <row r="7" spans="1:18" x14ac:dyDescent="0.2">
      <c r="A7" s="1" t="s">
        <v>7</v>
      </c>
      <c r="B7" s="1" t="s">
        <v>445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</row>
    <row r="8" spans="1:18" x14ac:dyDescent="0.2">
      <c r="A8" s="1" t="s">
        <v>7</v>
      </c>
      <c r="B8" s="1" t="s">
        <v>61</v>
      </c>
      <c r="C8" s="1" t="s">
        <v>62</v>
      </c>
      <c r="D8" s="1" t="s">
        <v>389</v>
      </c>
      <c r="E8" s="1" t="s">
        <v>64</v>
      </c>
      <c r="F8" s="1" t="s">
        <v>65</v>
      </c>
      <c r="G8" s="1" t="s">
        <v>98</v>
      </c>
      <c r="H8" s="1" t="s">
        <v>99</v>
      </c>
      <c r="I8" s="1" t="s">
        <v>66</v>
      </c>
      <c r="J8" s="1" t="s">
        <v>67</v>
      </c>
      <c r="K8" s="1" t="s">
        <v>68</v>
      </c>
      <c r="L8" s="1" t="s">
        <v>100</v>
      </c>
      <c r="M8" s="1" t="s">
        <v>101</v>
      </c>
      <c r="N8" s="1" t="s">
        <v>9</v>
      </c>
      <c r="O8" s="1" t="s">
        <v>103</v>
      </c>
      <c r="P8" s="1" t="s">
        <v>70</v>
      </c>
      <c r="Q8" s="1" t="s">
        <v>104</v>
      </c>
      <c r="R8" s="1" t="s">
        <v>7</v>
      </c>
    </row>
    <row r="9" spans="1:18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34</v>
      </c>
      <c r="H9" s="1" t="s">
        <v>105</v>
      </c>
      <c r="I9" s="1" t="s">
        <v>7</v>
      </c>
      <c r="J9" s="1" t="s">
        <v>12</v>
      </c>
      <c r="K9" s="1" t="s">
        <v>12</v>
      </c>
      <c r="L9" s="1" t="s">
        <v>106</v>
      </c>
      <c r="M9" s="1" t="s">
        <v>107</v>
      </c>
      <c r="N9" s="1" t="s">
        <v>11</v>
      </c>
      <c r="O9" s="1" t="s">
        <v>12</v>
      </c>
      <c r="P9" s="1" t="s">
        <v>12</v>
      </c>
      <c r="Q9" s="1" t="s">
        <v>12</v>
      </c>
      <c r="R9" s="1" t="s">
        <v>7</v>
      </c>
    </row>
    <row r="10" spans="1:18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7</v>
      </c>
    </row>
    <row r="11" spans="1:18" x14ac:dyDescent="0.2">
      <c r="A11" s="8" t="s">
        <v>7</v>
      </c>
      <c r="B11" s="8" t="s">
        <v>446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8" t="s">
        <v>7</v>
      </c>
      <c r="N11" s="10">
        <v>0</v>
      </c>
      <c r="O11" s="8" t="s">
        <v>7</v>
      </c>
      <c r="P11" s="9">
        <v>0</v>
      </c>
      <c r="Q11" s="9">
        <v>0</v>
      </c>
      <c r="R11" s="8" t="s">
        <v>7</v>
      </c>
    </row>
    <row r="12" spans="1:18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3" t="s">
        <v>7</v>
      </c>
      <c r="N12" s="12">
        <v>0</v>
      </c>
      <c r="O12" s="3" t="s">
        <v>7</v>
      </c>
      <c r="P12" s="11">
        <v>0</v>
      </c>
      <c r="Q12" s="11">
        <v>0</v>
      </c>
      <c r="R12" s="3" t="s">
        <v>7</v>
      </c>
    </row>
    <row r="13" spans="1:18" x14ac:dyDescent="0.2">
      <c r="A13" s="3" t="s">
        <v>7</v>
      </c>
      <c r="B13" s="3" t="s">
        <v>39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3" t="s">
        <v>7</v>
      </c>
      <c r="N13" s="12">
        <v>0</v>
      </c>
      <c r="O13" s="3" t="s">
        <v>7</v>
      </c>
      <c r="P13" s="11">
        <v>0</v>
      </c>
      <c r="Q13" s="11">
        <v>0</v>
      </c>
      <c r="R13" s="3" t="s">
        <v>7</v>
      </c>
    </row>
    <row r="14" spans="1:18" x14ac:dyDescent="0.2">
      <c r="A14" s="3" t="s">
        <v>7</v>
      </c>
      <c r="B14" s="3" t="s">
        <v>392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3" t="s">
        <v>7</v>
      </c>
      <c r="N14" s="12">
        <v>0</v>
      </c>
      <c r="O14" s="3" t="s">
        <v>7</v>
      </c>
      <c r="P14" s="11">
        <v>0</v>
      </c>
      <c r="Q14" s="11">
        <v>0</v>
      </c>
      <c r="R14" s="3" t="s">
        <v>7</v>
      </c>
    </row>
    <row r="15" spans="1:18" x14ac:dyDescent="0.2">
      <c r="A15" s="3" t="s">
        <v>7</v>
      </c>
      <c r="B15" s="3" t="s">
        <v>393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3" t="s">
        <v>7</v>
      </c>
      <c r="N15" s="12">
        <v>0</v>
      </c>
      <c r="O15" s="3" t="s">
        <v>7</v>
      </c>
      <c r="P15" s="11">
        <v>0</v>
      </c>
      <c r="Q15" s="11">
        <v>0</v>
      </c>
      <c r="R15" s="3" t="s">
        <v>7</v>
      </c>
    </row>
    <row r="16" spans="1:18" x14ac:dyDescent="0.2">
      <c r="A16" s="3" t="s">
        <v>7</v>
      </c>
      <c r="B16" s="3" t="s">
        <v>92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0</v>
      </c>
      <c r="I16" s="3" t="s">
        <v>7</v>
      </c>
      <c r="J16" s="11">
        <v>0</v>
      </c>
      <c r="K16" s="11">
        <v>0</v>
      </c>
      <c r="L16" s="3" t="s">
        <v>7</v>
      </c>
      <c r="M16" s="3" t="s">
        <v>7</v>
      </c>
      <c r="N16" s="12">
        <v>0</v>
      </c>
      <c r="O16" s="3" t="s">
        <v>7</v>
      </c>
      <c r="P16" s="11">
        <v>0</v>
      </c>
      <c r="Q16" s="11">
        <v>0</v>
      </c>
      <c r="R16" s="3" t="s">
        <v>7</v>
      </c>
    </row>
    <row r="17" spans="1:18" x14ac:dyDescent="0.2">
      <c r="A17" s="3" t="s">
        <v>7</v>
      </c>
      <c r="B17" s="3" t="s">
        <v>39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3" t="s">
        <v>7</v>
      </c>
      <c r="M17" s="3" t="s">
        <v>7</v>
      </c>
      <c r="N17" s="12">
        <v>0</v>
      </c>
      <c r="O17" s="3" t="s">
        <v>7</v>
      </c>
      <c r="P17" s="11">
        <v>0</v>
      </c>
      <c r="Q17" s="11">
        <v>0</v>
      </c>
      <c r="R17" s="3" t="s">
        <v>7</v>
      </c>
    </row>
    <row r="18" spans="1:18" x14ac:dyDescent="0.2">
      <c r="A18" s="3" t="s">
        <v>7</v>
      </c>
      <c r="B18" s="3" t="s">
        <v>392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3" t="s">
        <v>7</v>
      </c>
      <c r="M18" s="3" t="s">
        <v>7</v>
      </c>
      <c r="N18" s="12">
        <v>0</v>
      </c>
      <c r="O18" s="3" t="s">
        <v>7</v>
      </c>
      <c r="P18" s="11">
        <v>0</v>
      </c>
      <c r="Q18" s="11">
        <v>0</v>
      </c>
      <c r="R18" s="3" t="s">
        <v>7</v>
      </c>
    </row>
    <row r="19" spans="1:18" x14ac:dyDescent="0.2">
      <c r="A19" s="3" t="s">
        <v>7</v>
      </c>
      <c r="B19" s="3" t="s">
        <v>393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12">
        <v>0</v>
      </c>
      <c r="I19" s="3" t="s">
        <v>7</v>
      </c>
      <c r="J19" s="11">
        <v>0</v>
      </c>
      <c r="K19" s="11">
        <v>0</v>
      </c>
      <c r="L19" s="3" t="s">
        <v>7</v>
      </c>
      <c r="M19" s="3" t="s">
        <v>7</v>
      </c>
      <c r="N19" s="12">
        <v>0</v>
      </c>
      <c r="O19" s="3" t="s">
        <v>7</v>
      </c>
      <c r="P19" s="11">
        <v>0</v>
      </c>
      <c r="Q19" s="11">
        <v>0</v>
      </c>
      <c r="R19" s="3" t="s">
        <v>7</v>
      </c>
    </row>
    <row r="20" spans="1:18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</row>
    <row r="21" spans="1:18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</row>
    <row r="22" spans="1:18" x14ac:dyDescent="0.2">
      <c r="A22" s="7" t="s">
        <v>278</v>
      </c>
      <c r="B22" s="7" t="s">
        <v>59</v>
      </c>
    </row>
  </sheetData>
  <pageMargins left="0.7" right="0.7" top="0.75" bottom="0.75" header="0.3" footer="0.3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30"/>
  <sheetViews>
    <sheetView rightToLeft="1" topLeftCell="A16" workbookViewId="0"/>
  </sheetViews>
  <sheetFormatPr defaultRowHeight="14.25" x14ac:dyDescent="0.2"/>
  <cols>
    <col min="1" max="1" width="2" customWidth="1"/>
    <col min="2" max="2" width="39" customWidth="1"/>
    <col min="3" max="3" width="18" customWidth="1"/>
    <col min="4" max="5" width="12" customWidth="1"/>
    <col min="6" max="6" width="7" customWidth="1"/>
    <col min="7" max="7" width="13" customWidth="1"/>
    <col min="8" max="8" width="9" customWidth="1"/>
    <col min="9" max="9" width="6" customWidth="1"/>
    <col min="10" max="11" width="10" customWidth="1"/>
    <col min="12" max="12" width="19" customWidth="1"/>
    <col min="13" max="13" width="15" customWidth="1"/>
    <col min="14" max="14" width="12" customWidth="1"/>
    <col min="15" max="15" width="8" customWidth="1"/>
    <col min="16" max="16" width="11" customWidth="1"/>
    <col min="17" max="17" width="24" customWidth="1"/>
    <col min="18" max="18" width="23" customWidth="1"/>
    <col min="19" max="19" width="2" customWidth="1"/>
  </cols>
  <sheetData>
    <row r="1" spans="1:19" x14ac:dyDescent="0.2">
      <c r="B1" s="7" t="s">
        <v>0</v>
      </c>
      <c r="C1" s="7" t="s">
        <v>1</v>
      </c>
    </row>
    <row r="2" spans="1:19" x14ac:dyDescent="0.2">
      <c r="B2" s="7" t="s">
        <v>2</v>
      </c>
      <c r="C2" s="7" t="s">
        <v>3</v>
      </c>
    </row>
    <row r="3" spans="1:19" x14ac:dyDescent="0.2">
      <c r="B3" s="7" t="s">
        <v>4</v>
      </c>
      <c r="C3" s="7" t="s">
        <v>5</v>
      </c>
    </row>
    <row r="4" spans="1:19" x14ac:dyDescent="0.2">
      <c r="B4" s="7" t="s">
        <v>6</v>
      </c>
      <c r="C4" s="7">
        <v>1526</v>
      </c>
    </row>
    <row r="5" spans="1:19" x14ac:dyDescent="0.2">
      <c r="B5" s="7" t="s">
        <v>7</v>
      </c>
      <c r="C5" s="7" t="s">
        <v>7</v>
      </c>
    </row>
    <row r="6" spans="1:19" x14ac:dyDescent="0.2">
      <c r="A6" s="1" t="s">
        <v>7</v>
      </c>
      <c r="B6" s="1" t="s">
        <v>44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1:19" x14ac:dyDescent="0.2">
      <c r="A7" s="1" t="s">
        <v>7</v>
      </c>
      <c r="B7" s="1" t="s">
        <v>61</v>
      </c>
      <c r="C7" s="1" t="s">
        <v>448</v>
      </c>
      <c r="D7" s="1" t="s">
        <v>62</v>
      </c>
      <c r="E7" s="1" t="s">
        <v>63</v>
      </c>
      <c r="F7" s="1" t="s">
        <v>64</v>
      </c>
      <c r="G7" s="1" t="s">
        <v>98</v>
      </c>
      <c r="H7" s="1" t="s">
        <v>65</v>
      </c>
      <c r="I7" s="1" t="s">
        <v>99</v>
      </c>
      <c r="J7" s="1" t="s">
        <v>123</v>
      </c>
      <c r="K7" s="1" t="s">
        <v>66</v>
      </c>
      <c r="L7" s="1" t="s">
        <v>449</v>
      </c>
      <c r="M7" s="1" t="s">
        <v>68</v>
      </c>
      <c r="N7" s="1" t="s">
        <v>100</v>
      </c>
      <c r="O7" s="1" t="s">
        <v>101</v>
      </c>
      <c r="P7" s="1" t="s">
        <v>9</v>
      </c>
      <c r="Q7" s="1" t="s">
        <v>70</v>
      </c>
      <c r="R7" s="1" t="s">
        <v>104</v>
      </c>
      <c r="S7" s="1" t="s">
        <v>7</v>
      </c>
    </row>
    <row r="8" spans="1:19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34</v>
      </c>
      <c r="H8" s="1" t="s">
        <v>7</v>
      </c>
      <c r="I8" s="1" t="s">
        <v>105</v>
      </c>
      <c r="J8" s="1" t="s">
        <v>7</v>
      </c>
      <c r="K8" s="1" t="s">
        <v>7</v>
      </c>
      <c r="L8" s="1" t="s">
        <v>12</v>
      </c>
      <c r="M8" s="1" t="s">
        <v>12</v>
      </c>
      <c r="N8" s="1" t="s">
        <v>135</v>
      </c>
      <c r="O8" s="1" t="s">
        <v>7</v>
      </c>
      <c r="P8" s="1" t="s">
        <v>11</v>
      </c>
      <c r="Q8" s="1" t="s">
        <v>12</v>
      </c>
      <c r="R8" s="1" t="s">
        <v>12</v>
      </c>
      <c r="S8" s="1" t="s">
        <v>7</v>
      </c>
    </row>
    <row r="9" spans="1:19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08</v>
      </c>
      <c r="N9" s="1" t="s">
        <v>109</v>
      </c>
      <c r="O9" s="1" t="s">
        <v>110</v>
      </c>
      <c r="P9" s="1" t="s">
        <v>111</v>
      </c>
      <c r="Q9" s="1" t="s">
        <v>112</v>
      </c>
      <c r="R9" s="1" t="s">
        <v>113</v>
      </c>
      <c r="S9" s="1" t="s">
        <v>7</v>
      </c>
    </row>
    <row r="10" spans="1:19" x14ac:dyDescent="0.2">
      <c r="A10" s="8" t="s">
        <v>7</v>
      </c>
      <c r="B10" s="8" t="s">
        <v>45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10">
        <v>1.62</v>
      </c>
      <c r="J10" s="8" t="s">
        <v>7</v>
      </c>
      <c r="K10" s="8" t="s">
        <v>7</v>
      </c>
      <c r="L10" s="9">
        <v>0</v>
      </c>
      <c r="M10" s="9">
        <v>1.6799999999999999E-2</v>
      </c>
      <c r="N10" s="8" t="s">
        <v>7</v>
      </c>
      <c r="O10" s="8" t="s">
        <v>7</v>
      </c>
      <c r="P10" s="10">
        <v>768.77</v>
      </c>
      <c r="Q10" s="9">
        <v>1</v>
      </c>
      <c r="R10" s="9">
        <v>3.7199999999999997E-2</v>
      </c>
      <c r="S10" s="8" t="s">
        <v>7</v>
      </c>
    </row>
    <row r="11" spans="1:19" x14ac:dyDescent="0.2">
      <c r="A11" s="3" t="s">
        <v>7</v>
      </c>
      <c r="B11" s="3" t="s">
        <v>451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12">
        <v>1.62</v>
      </c>
      <c r="J11" s="3" t="s">
        <v>7</v>
      </c>
      <c r="K11" s="3" t="s">
        <v>7</v>
      </c>
      <c r="L11" s="11">
        <v>0</v>
      </c>
      <c r="M11" s="11">
        <v>1.6799999999999999E-2</v>
      </c>
      <c r="N11" s="3" t="s">
        <v>7</v>
      </c>
      <c r="O11" s="3" t="s">
        <v>7</v>
      </c>
      <c r="P11" s="12">
        <v>768.77</v>
      </c>
      <c r="Q11" s="11">
        <v>1</v>
      </c>
      <c r="R11" s="11">
        <v>3.7199999999999997E-2</v>
      </c>
      <c r="S11" s="3" t="s">
        <v>7</v>
      </c>
    </row>
    <row r="12" spans="1:19" x14ac:dyDescent="0.2">
      <c r="A12" s="3" t="s">
        <v>7</v>
      </c>
      <c r="B12" s="3" t="s">
        <v>452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1.62</v>
      </c>
      <c r="J12" s="3" t="s">
        <v>7</v>
      </c>
      <c r="K12" s="3" t="s">
        <v>7</v>
      </c>
      <c r="L12" s="11">
        <v>0</v>
      </c>
      <c r="M12" s="11">
        <v>1.6799999999999999E-2</v>
      </c>
      <c r="N12" s="3" t="s">
        <v>7</v>
      </c>
      <c r="O12" s="3" t="s">
        <v>7</v>
      </c>
      <c r="P12" s="12">
        <v>768.77</v>
      </c>
      <c r="Q12" s="11">
        <v>1</v>
      </c>
      <c r="R12" s="11">
        <v>3.7199999999999997E-2</v>
      </c>
      <c r="S12" s="3" t="s">
        <v>7</v>
      </c>
    </row>
    <row r="13" spans="1:19" x14ac:dyDescent="0.2">
      <c r="A13" s="13" t="s">
        <v>7</v>
      </c>
      <c r="B13" s="13" t="s">
        <v>453</v>
      </c>
      <c r="C13" s="13" t="s">
        <v>454</v>
      </c>
      <c r="D13" s="14">
        <v>893000109</v>
      </c>
      <c r="E13" s="14">
        <v>99608</v>
      </c>
      <c r="F13" s="13" t="s">
        <v>455</v>
      </c>
      <c r="G13" s="13" t="s">
        <v>456</v>
      </c>
      <c r="H13" s="13" t="s">
        <v>457</v>
      </c>
      <c r="I13" s="16">
        <v>1.62</v>
      </c>
      <c r="J13" s="13" t="s">
        <v>190</v>
      </c>
      <c r="K13" s="13" t="s">
        <v>85</v>
      </c>
      <c r="L13" s="15">
        <v>0</v>
      </c>
      <c r="M13" s="15">
        <v>1.6799999999999999E-2</v>
      </c>
      <c r="N13" s="16">
        <v>746014.1</v>
      </c>
      <c r="O13" s="16">
        <v>103.05</v>
      </c>
      <c r="P13" s="16">
        <v>768.77</v>
      </c>
      <c r="Q13" s="15">
        <v>1</v>
      </c>
      <c r="R13" s="15">
        <v>3.7199999999999997E-2</v>
      </c>
      <c r="S13" s="13" t="s">
        <v>7</v>
      </c>
    </row>
    <row r="14" spans="1:19" x14ac:dyDescent="0.2">
      <c r="A14" s="3" t="s">
        <v>7</v>
      </c>
      <c r="B14" s="3" t="s">
        <v>458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12">
        <v>0</v>
      </c>
      <c r="J14" s="3" t="s">
        <v>7</v>
      </c>
      <c r="K14" s="3" t="s">
        <v>7</v>
      </c>
      <c r="L14" s="11">
        <v>0</v>
      </c>
      <c r="M14" s="11">
        <v>0</v>
      </c>
      <c r="N14" s="3" t="s">
        <v>7</v>
      </c>
      <c r="O14" s="3" t="s">
        <v>7</v>
      </c>
      <c r="P14" s="12">
        <v>0</v>
      </c>
      <c r="Q14" s="11">
        <v>0</v>
      </c>
      <c r="R14" s="11">
        <v>0</v>
      </c>
      <c r="S14" s="3" t="s">
        <v>7</v>
      </c>
    </row>
    <row r="15" spans="1:19" x14ac:dyDescent="0.2">
      <c r="A15" s="3" t="s">
        <v>7</v>
      </c>
      <c r="B15" s="3" t="s">
        <v>45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12">
        <v>0</v>
      </c>
      <c r="J15" s="3" t="s">
        <v>7</v>
      </c>
      <c r="K15" s="3" t="s">
        <v>7</v>
      </c>
      <c r="L15" s="11">
        <v>0</v>
      </c>
      <c r="M15" s="11">
        <v>0</v>
      </c>
      <c r="N15" s="3" t="s">
        <v>7</v>
      </c>
      <c r="O15" s="3" t="s">
        <v>7</v>
      </c>
      <c r="P15" s="12">
        <v>0</v>
      </c>
      <c r="Q15" s="11">
        <v>0</v>
      </c>
      <c r="R15" s="11">
        <v>0</v>
      </c>
      <c r="S15" s="3" t="s">
        <v>7</v>
      </c>
    </row>
    <row r="16" spans="1:19" x14ac:dyDescent="0.2">
      <c r="A16" s="3" t="s">
        <v>7</v>
      </c>
      <c r="B16" s="3" t="s">
        <v>460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12">
        <v>0</v>
      </c>
      <c r="J16" s="3" t="s">
        <v>7</v>
      </c>
      <c r="K16" s="3" t="s">
        <v>7</v>
      </c>
      <c r="L16" s="11">
        <v>0</v>
      </c>
      <c r="M16" s="11">
        <v>0</v>
      </c>
      <c r="N16" s="3" t="s">
        <v>7</v>
      </c>
      <c r="O16" s="3" t="s">
        <v>7</v>
      </c>
      <c r="P16" s="12">
        <v>0</v>
      </c>
      <c r="Q16" s="11">
        <v>0</v>
      </c>
      <c r="R16" s="11">
        <v>0</v>
      </c>
      <c r="S16" s="3" t="s">
        <v>7</v>
      </c>
    </row>
    <row r="17" spans="1:19" x14ac:dyDescent="0.2">
      <c r="A17" s="3" t="s">
        <v>7</v>
      </c>
      <c r="B17" s="3" t="s">
        <v>46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12">
        <v>0</v>
      </c>
      <c r="J17" s="3" t="s">
        <v>7</v>
      </c>
      <c r="K17" s="3" t="s">
        <v>7</v>
      </c>
      <c r="L17" s="11">
        <v>0</v>
      </c>
      <c r="M17" s="11">
        <v>0</v>
      </c>
      <c r="N17" s="3" t="s">
        <v>7</v>
      </c>
      <c r="O17" s="3" t="s">
        <v>7</v>
      </c>
      <c r="P17" s="12">
        <v>0</v>
      </c>
      <c r="Q17" s="11">
        <v>0</v>
      </c>
      <c r="R17" s="11">
        <v>0</v>
      </c>
      <c r="S17" s="3" t="s">
        <v>7</v>
      </c>
    </row>
    <row r="18" spans="1:19" x14ac:dyDescent="0.2">
      <c r="A18" s="3" t="s">
        <v>7</v>
      </c>
      <c r="B18" s="3" t="s">
        <v>462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12">
        <v>0</v>
      </c>
      <c r="J18" s="3" t="s">
        <v>7</v>
      </c>
      <c r="K18" s="3" t="s">
        <v>7</v>
      </c>
      <c r="L18" s="11">
        <v>0</v>
      </c>
      <c r="M18" s="11">
        <v>0</v>
      </c>
      <c r="N18" s="3" t="s">
        <v>7</v>
      </c>
      <c r="O18" s="3" t="s">
        <v>7</v>
      </c>
      <c r="P18" s="12">
        <v>0</v>
      </c>
      <c r="Q18" s="11">
        <v>0</v>
      </c>
      <c r="R18" s="11">
        <v>0</v>
      </c>
      <c r="S18" s="3" t="s">
        <v>7</v>
      </c>
    </row>
    <row r="19" spans="1:19" x14ac:dyDescent="0.2">
      <c r="A19" s="3" t="s">
        <v>7</v>
      </c>
      <c r="B19" s="3" t="s">
        <v>463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3" t="s">
        <v>7</v>
      </c>
      <c r="K19" s="3" t="s">
        <v>7</v>
      </c>
      <c r="L19" s="3" t="s">
        <v>7</v>
      </c>
      <c r="M19" s="3" t="s">
        <v>7</v>
      </c>
      <c r="N19" s="3" t="s">
        <v>7</v>
      </c>
      <c r="O19" s="3" t="s">
        <v>7</v>
      </c>
      <c r="P19" s="3" t="s">
        <v>7</v>
      </c>
      <c r="Q19" s="3" t="s">
        <v>7</v>
      </c>
      <c r="R19" s="3" t="s">
        <v>7</v>
      </c>
      <c r="S19" s="3" t="s">
        <v>7</v>
      </c>
    </row>
    <row r="20" spans="1:19" x14ac:dyDescent="0.2">
      <c r="A20" s="3" t="s">
        <v>7</v>
      </c>
      <c r="B20" s="3" t="s">
        <v>464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3" t="s">
        <v>7</v>
      </c>
      <c r="K20" s="3" t="s">
        <v>7</v>
      </c>
      <c r="L20" s="3" t="s">
        <v>7</v>
      </c>
      <c r="M20" s="3" t="s">
        <v>7</v>
      </c>
      <c r="N20" s="3" t="s">
        <v>7</v>
      </c>
      <c r="O20" s="3" t="s">
        <v>7</v>
      </c>
      <c r="P20" s="3" t="s">
        <v>7</v>
      </c>
      <c r="Q20" s="3" t="s">
        <v>7</v>
      </c>
      <c r="R20" s="3" t="s">
        <v>7</v>
      </c>
      <c r="S20" s="3" t="s">
        <v>7</v>
      </c>
    </row>
    <row r="21" spans="1:19" x14ac:dyDescent="0.2">
      <c r="A21" s="3" t="s">
        <v>7</v>
      </c>
      <c r="B21" s="3" t="s">
        <v>465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12">
        <v>0</v>
      </c>
      <c r="J21" s="3" t="s">
        <v>7</v>
      </c>
      <c r="K21" s="3" t="s">
        <v>7</v>
      </c>
      <c r="L21" s="11">
        <v>0</v>
      </c>
      <c r="M21" s="11">
        <v>0</v>
      </c>
      <c r="N21" s="3" t="s">
        <v>7</v>
      </c>
      <c r="O21" s="3" t="s">
        <v>7</v>
      </c>
      <c r="P21" s="12">
        <v>0</v>
      </c>
      <c r="Q21" s="11">
        <v>0</v>
      </c>
      <c r="R21" s="11">
        <v>0</v>
      </c>
      <c r="S21" s="3" t="s">
        <v>7</v>
      </c>
    </row>
    <row r="22" spans="1:19" x14ac:dyDescent="0.2">
      <c r="A22" s="3" t="s">
        <v>7</v>
      </c>
      <c r="B22" s="3" t="s">
        <v>466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3" t="s">
        <v>7</v>
      </c>
      <c r="I22" s="12">
        <v>0</v>
      </c>
      <c r="J22" s="3" t="s">
        <v>7</v>
      </c>
      <c r="K22" s="3" t="s">
        <v>7</v>
      </c>
      <c r="L22" s="11">
        <v>0</v>
      </c>
      <c r="M22" s="11">
        <v>0</v>
      </c>
      <c r="N22" s="3" t="s">
        <v>7</v>
      </c>
      <c r="O22" s="3" t="s">
        <v>7</v>
      </c>
      <c r="P22" s="12">
        <v>0</v>
      </c>
      <c r="Q22" s="11">
        <v>0</v>
      </c>
      <c r="R22" s="11">
        <v>0</v>
      </c>
      <c r="S22" s="3" t="s">
        <v>7</v>
      </c>
    </row>
    <row r="23" spans="1:19" x14ac:dyDescent="0.2">
      <c r="A23" s="3" t="s">
        <v>7</v>
      </c>
      <c r="B23" s="3" t="s">
        <v>467</v>
      </c>
      <c r="C23" s="3" t="s">
        <v>7</v>
      </c>
      <c r="D23" s="3" t="s">
        <v>7</v>
      </c>
      <c r="E23" s="3" t="s">
        <v>7</v>
      </c>
      <c r="F23" s="3" t="s">
        <v>7</v>
      </c>
      <c r="G23" s="3" t="s">
        <v>7</v>
      </c>
      <c r="H23" s="3" t="s">
        <v>7</v>
      </c>
      <c r="I23" s="12">
        <v>0</v>
      </c>
      <c r="J23" s="3" t="s">
        <v>7</v>
      </c>
      <c r="K23" s="3" t="s">
        <v>7</v>
      </c>
      <c r="L23" s="11">
        <v>0</v>
      </c>
      <c r="M23" s="11">
        <v>0</v>
      </c>
      <c r="N23" s="3" t="s">
        <v>7</v>
      </c>
      <c r="O23" s="3" t="s">
        <v>7</v>
      </c>
      <c r="P23" s="12">
        <v>0</v>
      </c>
      <c r="Q23" s="11">
        <v>0</v>
      </c>
      <c r="R23" s="11">
        <v>0</v>
      </c>
      <c r="S23" s="3" t="s">
        <v>7</v>
      </c>
    </row>
    <row r="24" spans="1:19" x14ac:dyDescent="0.2">
      <c r="A24" s="3" t="s">
        <v>7</v>
      </c>
      <c r="B24" s="3" t="s">
        <v>458</v>
      </c>
      <c r="C24" s="3" t="s">
        <v>7</v>
      </c>
      <c r="D24" s="3" t="s">
        <v>7</v>
      </c>
      <c r="E24" s="3" t="s">
        <v>7</v>
      </c>
      <c r="F24" s="3" t="s">
        <v>7</v>
      </c>
      <c r="G24" s="3" t="s">
        <v>7</v>
      </c>
      <c r="H24" s="3" t="s">
        <v>7</v>
      </c>
      <c r="I24" s="12">
        <v>0</v>
      </c>
      <c r="J24" s="3" t="s">
        <v>7</v>
      </c>
      <c r="K24" s="3" t="s">
        <v>7</v>
      </c>
      <c r="L24" s="11">
        <v>0</v>
      </c>
      <c r="M24" s="11">
        <v>0</v>
      </c>
      <c r="N24" s="3" t="s">
        <v>7</v>
      </c>
      <c r="O24" s="3" t="s">
        <v>7</v>
      </c>
      <c r="P24" s="12">
        <v>0</v>
      </c>
      <c r="Q24" s="11">
        <v>0</v>
      </c>
      <c r="R24" s="11">
        <v>0</v>
      </c>
      <c r="S24" s="3" t="s">
        <v>7</v>
      </c>
    </row>
    <row r="25" spans="1:19" x14ac:dyDescent="0.2">
      <c r="A25" s="3" t="s">
        <v>7</v>
      </c>
      <c r="B25" s="3" t="s">
        <v>459</v>
      </c>
      <c r="C25" s="3" t="s">
        <v>7</v>
      </c>
      <c r="D25" s="3" t="s">
        <v>7</v>
      </c>
      <c r="E25" s="3" t="s">
        <v>7</v>
      </c>
      <c r="F25" s="3" t="s">
        <v>7</v>
      </c>
      <c r="G25" s="3" t="s">
        <v>7</v>
      </c>
      <c r="H25" s="3" t="s">
        <v>7</v>
      </c>
      <c r="I25" s="12">
        <v>0</v>
      </c>
      <c r="J25" s="3" t="s">
        <v>7</v>
      </c>
      <c r="K25" s="3" t="s">
        <v>7</v>
      </c>
      <c r="L25" s="11">
        <v>0</v>
      </c>
      <c r="M25" s="11">
        <v>0</v>
      </c>
      <c r="N25" s="3" t="s">
        <v>7</v>
      </c>
      <c r="O25" s="3" t="s">
        <v>7</v>
      </c>
      <c r="P25" s="12">
        <v>0</v>
      </c>
      <c r="Q25" s="11">
        <v>0</v>
      </c>
      <c r="R25" s="11">
        <v>0</v>
      </c>
      <c r="S25" s="3" t="s">
        <v>7</v>
      </c>
    </row>
    <row r="26" spans="1:19" x14ac:dyDescent="0.2">
      <c r="A26" s="3" t="s">
        <v>7</v>
      </c>
      <c r="B26" s="3" t="s">
        <v>460</v>
      </c>
      <c r="C26" s="3" t="s">
        <v>7</v>
      </c>
      <c r="D26" s="3" t="s">
        <v>7</v>
      </c>
      <c r="E26" s="3" t="s">
        <v>7</v>
      </c>
      <c r="F26" s="3" t="s">
        <v>7</v>
      </c>
      <c r="G26" s="3" t="s">
        <v>7</v>
      </c>
      <c r="H26" s="3" t="s">
        <v>7</v>
      </c>
      <c r="I26" s="12">
        <v>0</v>
      </c>
      <c r="J26" s="3" t="s">
        <v>7</v>
      </c>
      <c r="K26" s="3" t="s">
        <v>7</v>
      </c>
      <c r="L26" s="11">
        <v>0</v>
      </c>
      <c r="M26" s="11">
        <v>0</v>
      </c>
      <c r="N26" s="3" t="s">
        <v>7</v>
      </c>
      <c r="O26" s="3" t="s">
        <v>7</v>
      </c>
      <c r="P26" s="12">
        <v>0</v>
      </c>
      <c r="Q26" s="11">
        <v>0</v>
      </c>
      <c r="R26" s="11">
        <v>0</v>
      </c>
      <c r="S26" s="3" t="s">
        <v>7</v>
      </c>
    </row>
    <row r="27" spans="1:19" x14ac:dyDescent="0.2">
      <c r="A27" s="3" t="s">
        <v>7</v>
      </c>
      <c r="B27" s="3" t="s">
        <v>466</v>
      </c>
      <c r="C27" s="3" t="s">
        <v>7</v>
      </c>
      <c r="D27" s="3" t="s">
        <v>7</v>
      </c>
      <c r="E27" s="3" t="s">
        <v>7</v>
      </c>
      <c r="F27" s="3" t="s">
        <v>7</v>
      </c>
      <c r="G27" s="3" t="s">
        <v>7</v>
      </c>
      <c r="H27" s="3" t="s">
        <v>7</v>
      </c>
      <c r="I27" s="12">
        <v>0</v>
      </c>
      <c r="J27" s="3" t="s">
        <v>7</v>
      </c>
      <c r="K27" s="3" t="s">
        <v>7</v>
      </c>
      <c r="L27" s="11">
        <v>0</v>
      </c>
      <c r="M27" s="11">
        <v>0</v>
      </c>
      <c r="N27" s="3" t="s">
        <v>7</v>
      </c>
      <c r="O27" s="3" t="s">
        <v>7</v>
      </c>
      <c r="P27" s="12">
        <v>0</v>
      </c>
      <c r="Q27" s="11">
        <v>0</v>
      </c>
      <c r="R27" s="11">
        <v>0</v>
      </c>
      <c r="S27" s="3" t="s">
        <v>7</v>
      </c>
    </row>
    <row r="28" spans="1:19" x14ac:dyDescent="0.2">
      <c r="A28" s="8" t="s">
        <v>7</v>
      </c>
      <c r="B28" s="8" t="s">
        <v>94</v>
      </c>
      <c r="C28" s="8" t="s">
        <v>7</v>
      </c>
      <c r="D28" s="8" t="s">
        <v>7</v>
      </c>
      <c r="E28" s="8" t="s">
        <v>7</v>
      </c>
      <c r="F28" s="8" t="s">
        <v>7</v>
      </c>
      <c r="G28" s="8" t="s">
        <v>7</v>
      </c>
      <c r="H28" s="8" t="s">
        <v>7</v>
      </c>
      <c r="I28" s="8" t="s">
        <v>7</v>
      </c>
      <c r="J28" s="8" t="s">
        <v>7</v>
      </c>
      <c r="K28" s="8" t="s">
        <v>7</v>
      </c>
      <c r="L28" s="8" t="s">
        <v>7</v>
      </c>
      <c r="M28" s="8" t="s">
        <v>7</v>
      </c>
      <c r="N28" s="8" t="s">
        <v>7</v>
      </c>
      <c r="O28" s="8" t="s">
        <v>7</v>
      </c>
      <c r="P28" s="8" t="s">
        <v>7</v>
      </c>
      <c r="Q28" s="8" t="s">
        <v>7</v>
      </c>
      <c r="R28" s="8" t="s">
        <v>7</v>
      </c>
      <c r="S28" s="8" t="s">
        <v>7</v>
      </c>
    </row>
    <row r="29" spans="1:19" x14ac:dyDescent="0.2">
      <c r="A29" s="8" t="s">
        <v>7</v>
      </c>
      <c r="B29" s="8" t="s">
        <v>120</v>
      </c>
      <c r="C29" s="8" t="s">
        <v>7</v>
      </c>
      <c r="D29" s="8" t="s">
        <v>7</v>
      </c>
      <c r="E29" s="8" t="s">
        <v>7</v>
      </c>
      <c r="F29" s="8" t="s">
        <v>7</v>
      </c>
      <c r="G29" s="8" t="s">
        <v>7</v>
      </c>
      <c r="H29" s="8" t="s">
        <v>7</v>
      </c>
      <c r="I29" s="8" t="s">
        <v>7</v>
      </c>
      <c r="J29" s="8" t="s">
        <v>7</v>
      </c>
      <c r="K29" s="8" t="s">
        <v>7</v>
      </c>
      <c r="L29" s="8" t="s">
        <v>7</v>
      </c>
      <c r="M29" s="8" t="s">
        <v>7</v>
      </c>
      <c r="N29" s="8" t="s">
        <v>7</v>
      </c>
      <c r="O29" s="8" t="s">
        <v>7</v>
      </c>
      <c r="P29" s="8" t="s">
        <v>7</v>
      </c>
      <c r="Q29" s="8" t="s">
        <v>7</v>
      </c>
      <c r="R29" s="8" t="s">
        <v>7</v>
      </c>
      <c r="S29" s="8" t="s">
        <v>7</v>
      </c>
    </row>
    <row r="30" spans="1:19" x14ac:dyDescent="0.2">
      <c r="A30" s="7" t="s">
        <v>278</v>
      </c>
      <c r="B30" s="7" t="s">
        <v>59</v>
      </c>
    </row>
  </sheetData>
  <pageMargins left="0.7" right="0.7" top="0.75" bottom="0.75" header="0.3" footer="0.3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0"/>
  <sheetViews>
    <sheetView rightToLeft="1" topLeftCell="A10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12" customWidth="1"/>
    <col min="5" max="5" width="7" customWidth="1"/>
    <col min="6" max="6" width="9" customWidth="1"/>
    <col min="7" max="7" width="6" customWidth="1"/>
    <col min="8" max="8" width="10" customWidth="1"/>
    <col min="9" max="9" width="19" customWidth="1"/>
    <col min="10" max="10" width="15" customWidth="1"/>
    <col min="11" max="11" width="10" customWidth="1"/>
    <col min="12" max="12" width="8" customWidth="1"/>
    <col min="13" max="13" width="11" customWidth="1"/>
    <col min="14" max="14" width="24" customWidth="1"/>
    <col min="15" max="15" width="23" customWidth="1"/>
    <col min="16" max="16" width="2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52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8" t="s">
        <v>468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61</v>
      </c>
      <c r="C7" s="1" t="s">
        <v>62</v>
      </c>
      <c r="D7" s="1" t="s">
        <v>63</v>
      </c>
      <c r="E7" s="1" t="s">
        <v>64</v>
      </c>
      <c r="F7" s="1" t="s">
        <v>65</v>
      </c>
      <c r="G7" s="1" t="s">
        <v>99</v>
      </c>
      <c r="H7" s="1" t="s">
        <v>66</v>
      </c>
      <c r="I7" s="1" t="s">
        <v>469</v>
      </c>
      <c r="J7" s="1" t="s">
        <v>68</v>
      </c>
      <c r="K7" s="1" t="s">
        <v>100</v>
      </c>
      <c r="L7" s="1" t="s">
        <v>101</v>
      </c>
      <c r="M7" s="1" t="s">
        <v>9</v>
      </c>
      <c r="N7" s="1" t="s">
        <v>70</v>
      </c>
      <c r="O7" s="1" t="s">
        <v>104</v>
      </c>
      <c r="P7" s="1" t="s">
        <v>7</v>
      </c>
    </row>
    <row r="8" spans="1:16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05</v>
      </c>
      <c r="H8" s="1" t="s">
        <v>7</v>
      </c>
      <c r="I8" s="1" t="s">
        <v>12</v>
      </c>
      <c r="J8" s="1" t="s">
        <v>12</v>
      </c>
      <c r="K8" s="1" t="s">
        <v>106</v>
      </c>
      <c r="L8" s="1" t="s">
        <v>107</v>
      </c>
      <c r="M8" s="1" t="s">
        <v>11</v>
      </c>
      <c r="N8" s="1" t="s">
        <v>12</v>
      </c>
      <c r="O8" s="1" t="s">
        <v>12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08</v>
      </c>
      <c r="N9" s="1" t="s">
        <v>109</v>
      </c>
      <c r="O9" s="1" t="s">
        <v>110</v>
      </c>
      <c r="P9" s="1" t="s">
        <v>7</v>
      </c>
    </row>
    <row r="10" spans="1:16" x14ac:dyDescent="0.2">
      <c r="A10" s="8" t="s">
        <v>7</v>
      </c>
      <c r="B10" s="8" t="s">
        <v>470</v>
      </c>
      <c r="C10" s="8" t="s">
        <v>7</v>
      </c>
      <c r="D10" s="8" t="s">
        <v>7</v>
      </c>
      <c r="E10" s="8" t="s">
        <v>7</v>
      </c>
      <c r="F10" s="8" t="s">
        <v>7</v>
      </c>
      <c r="G10" s="10">
        <v>0</v>
      </c>
      <c r="H10" s="8" t="s">
        <v>7</v>
      </c>
      <c r="I10" s="9">
        <v>0</v>
      </c>
      <c r="J10" s="9">
        <v>0</v>
      </c>
      <c r="K10" s="8" t="s">
        <v>7</v>
      </c>
      <c r="L10" s="8" t="s">
        <v>7</v>
      </c>
      <c r="M10" s="10">
        <v>0</v>
      </c>
      <c r="N10" s="9">
        <v>0</v>
      </c>
      <c r="O10" s="9">
        <v>0</v>
      </c>
      <c r="P10" s="8" t="s">
        <v>7</v>
      </c>
    </row>
    <row r="11" spans="1:16" x14ac:dyDescent="0.2">
      <c r="A11" s="3" t="s">
        <v>7</v>
      </c>
      <c r="B11" s="3" t="s">
        <v>81</v>
      </c>
      <c r="C11" s="3" t="s">
        <v>7</v>
      </c>
      <c r="D11" s="3" t="s">
        <v>7</v>
      </c>
      <c r="E11" s="3" t="s">
        <v>7</v>
      </c>
      <c r="F11" s="3" t="s">
        <v>7</v>
      </c>
      <c r="G11" s="12">
        <v>0</v>
      </c>
      <c r="H11" s="3" t="s">
        <v>7</v>
      </c>
      <c r="I11" s="11">
        <v>0</v>
      </c>
      <c r="J11" s="11">
        <v>0</v>
      </c>
      <c r="K11" s="3" t="s">
        <v>7</v>
      </c>
      <c r="L11" s="3" t="s">
        <v>7</v>
      </c>
      <c r="M11" s="12">
        <v>0</v>
      </c>
      <c r="N11" s="11">
        <v>0</v>
      </c>
      <c r="O11" s="11">
        <v>0</v>
      </c>
      <c r="P11" s="3" t="s">
        <v>7</v>
      </c>
    </row>
    <row r="12" spans="1:16" x14ac:dyDescent="0.2">
      <c r="A12" s="3" t="s">
        <v>7</v>
      </c>
      <c r="B12" s="3" t="s">
        <v>471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0</v>
      </c>
      <c r="H12" s="3" t="s">
        <v>7</v>
      </c>
      <c r="I12" s="11">
        <v>0</v>
      </c>
      <c r="J12" s="11">
        <v>0</v>
      </c>
      <c r="K12" s="3" t="s">
        <v>7</v>
      </c>
      <c r="L12" s="3" t="s">
        <v>7</v>
      </c>
      <c r="M12" s="12">
        <v>0</v>
      </c>
      <c r="N12" s="11">
        <v>0</v>
      </c>
      <c r="O12" s="11">
        <v>0</v>
      </c>
      <c r="P12" s="3" t="s">
        <v>7</v>
      </c>
    </row>
    <row r="13" spans="1:16" x14ac:dyDescent="0.2">
      <c r="A13" s="3" t="s">
        <v>7</v>
      </c>
      <c r="B13" s="3" t="s">
        <v>400</v>
      </c>
      <c r="C13" s="3" t="s">
        <v>7</v>
      </c>
      <c r="D13" s="3" t="s">
        <v>7</v>
      </c>
      <c r="E13" s="3" t="s">
        <v>7</v>
      </c>
      <c r="F13" s="3" t="s">
        <v>7</v>
      </c>
      <c r="G13" s="12">
        <v>0</v>
      </c>
      <c r="H13" s="3" t="s">
        <v>7</v>
      </c>
      <c r="I13" s="11">
        <v>0</v>
      </c>
      <c r="J13" s="11">
        <v>0</v>
      </c>
      <c r="K13" s="3" t="s">
        <v>7</v>
      </c>
      <c r="L13" s="3" t="s">
        <v>7</v>
      </c>
      <c r="M13" s="12">
        <v>0</v>
      </c>
      <c r="N13" s="11">
        <v>0</v>
      </c>
      <c r="O13" s="11">
        <v>0</v>
      </c>
      <c r="P13" s="3" t="s">
        <v>7</v>
      </c>
    </row>
    <row r="14" spans="1:16" x14ac:dyDescent="0.2">
      <c r="A14" s="3" t="s">
        <v>7</v>
      </c>
      <c r="B14" s="3" t="s">
        <v>472</v>
      </c>
      <c r="C14" s="3" t="s">
        <v>7</v>
      </c>
      <c r="D14" s="3" t="s">
        <v>7</v>
      </c>
      <c r="E14" s="3" t="s">
        <v>7</v>
      </c>
      <c r="F14" s="3" t="s">
        <v>7</v>
      </c>
      <c r="G14" s="12">
        <v>0</v>
      </c>
      <c r="H14" s="3" t="s">
        <v>7</v>
      </c>
      <c r="I14" s="11">
        <v>0</v>
      </c>
      <c r="J14" s="11">
        <v>0</v>
      </c>
      <c r="K14" s="3" t="s">
        <v>7</v>
      </c>
      <c r="L14" s="3" t="s">
        <v>7</v>
      </c>
      <c r="M14" s="12">
        <v>0</v>
      </c>
      <c r="N14" s="11">
        <v>0</v>
      </c>
      <c r="O14" s="11">
        <v>0</v>
      </c>
      <c r="P14" s="3" t="s">
        <v>7</v>
      </c>
    </row>
    <row r="15" spans="1:16" x14ac:dyDescent="0.2">
      <c r="A15" s="3" t="s">
        <v>7</v>
      </c>
      <c r="B15" s="3" t="s">
        <v>473</v>
      </c>
      <c r="C15" s="3" t="s">
        <v>7</v>
      </c>
      <c r="D15" s="3" t="s">
        <v>7</v>
      </c>
      <c r="E15" s="3" t="s">
        <v>7</v>
      </c>
      <c r="F15" s="3" t="s">
        <v>7</v>
      </c>
      <c r="G15" s="12">
        <v>0</v>
      </c>
      <c r="H15" s="3" t="s">
        <v>7</v>
      </c>
      <c r="I15" s="11">
        <v>0</v>
      </c>
      <c r="J15" s="11">
        <v>0</v>
      </c>
      <c r="K15" s="3" t="s">
        <v>7</v>
      </c>
      <c r="L15" s="3" t="s">
        <v>7</v>
      </c>
      <c r="M15" s="12">
        <v>0</v>
      </c>
      <c r="N15" s="11">
        <v>0</v>
      </c>
      <c r="O15" s="11">
        <v>0</v>
      </c>
      <c r="P15" s="3" t="s">
        <v>7</v>
      </c>
    </row>
    <row r="16" spans="1:16" x14ac:dyDescent="0.2">
      <c r="A16" s="3" t="s">
        <v>7</v>
      </c>
      <c r="B16" s="3" t="s">
        <v>288</v>
      </c>
      <c r="C16" s="3" t="s">
        <v>7</v>
      </c>
      <c r="D16" s="3" t="s">
        <v>7</v>
      </c>
      <c r="E16" s="3" t="s">
        <v>7</v>
      </c>
      <c r="F16" s="3" t="s">
        <v>7</v>
      </c>
      <c r="G16" s="12">
        <v>0</v>
      </c>
      <c r="H16" s="3" t="s">
        <v>7</v>
      </c>
      <c r="I16" s="11">
        <v>0</v>
      </c>
      <c r="J16" s="11">
        <v>0</v>
      </c>
      <c r="K16" s="3" t="s">
        <v>7</v>
      </c>
      <c r="L16" s="3" t="s">
        <v>7</v>
      </c>
      <c r="M16" s="12">
        <v>0</v>
      </c>
      <c r="N16" s="11">
        <v>0</v>
      </c>
      <c r="O16" s="11">
        <v>0</v>
      </c>
      <c r="P16" s="3" t="s">
        <v>7</v>
      </c>
    </row>
    <row r="17" spans="1:16" x14ac:dyDescent="0.2">
      <c r="A17" s="3" t="s">
        <v>7</v>
      </c>
      <c r="B17" s="3" t="s">
        <v>132</v>
      </c>
      <c r="C17" s="3" t="s">
        <v>7</v>
      </c>
      <c r="D17" s="3" t="s">
        <v>7</v>
      </c>
      <c r="E17" s="3" t="s">
        <v>7</v>
      </c>
      <c r="F17" s="3" t="s">
        <v>7</v>
      </c>
      <c r="G17" s="12">
        <v>0</v>
      </c>
      <c r="H17" s="3" t="s">
        <v>7</v>
      </c>
      <c r="I17" s="11">
        <v>0</v>
      </c>
      <c r="J17" s="11">
        <v>0</v>
      </c>
      <c r="K17" s="3" t="s">
        <v>7</v>
      </c>
      <c r="L17" s="3" t="s">
        <v>7</v>
      </c>
      <c r="M17" s="12">
        <v>0</v>
      </c>
      <c r="N17" s="11">
        <v>0</v>
      </c>
      <c r="O17" s="11">
        <v>0</v>
      </c>
      <c r="P17" s="3" t="s">
        <v>7</v>
      </c>
    </row>
    <row r="18" spans="1:16" x14ac:dyDescent="0.2">
      <c r="A18" s="8" t="s">
        <v>7</v>
      </c>
      <c r="B18" s="8" t="s">
        <v>94</v>
      </c>
      <c r="C18" s="8" t="s">
        <v>7</v>
      </c>
      <c r="D18" s="8" t="s">
        <v>7</v>
      </c>
      <c r="E18" s="8" t="s">
        <v>7</v>
      </c>
      <c r="F18" s="8" t="s">
        <v>7</v>
      </c>
      <c r="G18" s="8" t="s">
        <v>7</v>
      </c>
      <c r="H18" s="8" t="s">
        <v>7</v>
      </c>
      <c r="I18" s="8" t="s">
        <v>7</v>
      </c>
      <c r="J18" s="8" t="s">
        <v>7</v>
      </c>
      <c r="K18" s="8" t="s">
        <v>7</v>
      </c>
      <c r="L18" s="8" t="s">
        <v>7</v>
      </c>
      <c r="M18" s="8" t="s">
        <v>7</v>
      </c>
      <c r="N18" s="8" t="s">
        <v>7</v>
      </c>
      <c r="O18" s="8" t="s">
        <v>7</v>
      </c>
      <c r="P18" s="8" t="s">
        <v>7</v>
      </c>
    </row>
    <row r="19" spans="1:16" x14ac:dyDescent="0.2">
      <c r="A19" s="8" t="s">
        <v>7</v>
      </c>
      <c r="B19" s="8" t="s">
        <v>120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  <c r="N19" s="8" t="s">
        <v>7</v>
      </c>
      <c r="O19" s="8" t="s">
        <v>7</v>
      </c>
      <c r="P19" s="8" t="s">
        <v>7</v>
      </c>
    </row>
    <row r="20" spans="1:16" x14ac:dyDescent="0.2">
      <c r="A20" s="7" t="s">
        <v>278</v>
      </c>
      <c r="B20" s="7" t="s">
        <v>59</v>
      </c>
    </row>
  </sheetData>
  <pageMargins left="0.7" right="0.7" top="0.75" bottom="0.75" header="0.3" footer="0.3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19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9" customWidth="1"/>
    <col min="4" max="4" width="11" customWidth="1"/>
    <col min="5" max="5" width="25" customWidth="1"/>
    <col min="6" max="6" width="10" customWidth="1"/>
    <col min="7" max="7" width="13" customWidth="1"/>
    <col min="8" max="8" width="24" customWidth="1"/>
    <col min="9" max="9" width="23" customWidth="1"/>
    <col min="10" max="10" width="12" customWidth="1"/>
    <col min="11" max="12" width="2" customWidth="1"/>
  </cols>
  <sheetData>
    <row r="1" spans="1:12" x14ac:dyDescent="0.2">
      <c r="B1" s="7" t="s">
        <v>0</v>
      </c>
      <c r="C1" s="7" t="s">
        <v>1</v>
      </c>
    </row>
    <row r="2" spans="1:12" x14ac:dyDescent="0.2">
      <c r="B2" s="7" t="s">
        <v>2</v>
      </c>
      <c r="C2" s="7" t="s">
        <v>3</v>
      </c>
    </row>
    <row r="3" spans="1:12" x14ac:dyDescent="0.2">
      <c r="B3" s="7" t="s">
        <v>4</v>
      </c>
      <c r="C3" s="7" t="s">
        <v>5</v>
      </c>
    </row>
    <row r="4" spans="1:12" x14ac:dyDescent="0.2">
      <c r="B4" s="7" t="s">
        <v>6</v>
      </c>
      <c r="C4" s="7">
        <v>1526</v>
      </c>
    </row>
    <row r="5" spans="1:12" x14ac:dyDescent="0.2">
      <c r="B5" s="7" t="s">
        <v>7</v>
      </c>
      <c r="C5" s="7" t="s">
        <v>7</v>
      </c>
    </row>
    <row r="6" spans="1:12" x14ac:dyDescent="0.2">
      <c r="A6" s="1" t="s">
        <v>7</v>
      </c>
      <c r="B6" s="1" t="s">
        <v>474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</row>
    <row r="7" spans="1:12" x14ac:dyDescent="0.2">
      <c r="A7" s="1" t="s">
        <v>7</v>
      </c>
      <c r="B7" s="1" t="s">
        <v>61</v>
      </c>
      <c r="C7" s="1" t="s">
        <v>475</v>
      </c>
      <c r="D7" s="1" t="s">
        <v>476</v>
      </c>
      <c r="E7" s="1" t="s">
        <v>477</v>
      </c>
      <c r="F7" s="1" t="s">
        <v>66</v>
      </c>
      <c r="G7" s="1" t="s">
        <v>478</v>
      </c>
      <c r="H7" s="1" t="s">
        <v>70</v>
      </c>
      <c r="I7" s="1" t="s">
        <v>104</v>
      </c>
      <c r="J7" s="1" t="s">
        <v>479</v>
      </c>
      <c r="K7" s="1" t="s">
        <v>7</v>
      </c>
      <c r="L7" s="1" t="s">
        <v>7</v>
      </c>
    </row>
    <row r="8" spans="1:12" x14ac:dyDescent="0.2">
      <c r="A8" s="1" t="s">
        <v>7</v>
      </c>
      <c r="B8" s="1" t="s">
        <v>7</v>
      </c>
      <c r="C8" s="1" t="s">
        <v>134</v>
      </c>
      <c r="D8" s="1" t="s">
        <v>7</v>
      </c>
      <c r="E8" s="1" t="s">
        <v>12</v>
      </c>
      <c r="F8" s="1" t="s">
        <v>7</v>
      </c>
      <c r="G8" s="1" t="s">
        <v>11</v>
      </c>
      <c r="H8" s="1" t="s">
        <v>12</v>
      </c>
      <c r="I8" s="1" t="s">
        <v>12</v>
      </c>
      <c r="J8" s="1" t="s">
        <v>7</v>
      </c>
      <c r="K8" s="1" t="s">
        <v>7</v>
      </c>
      <c r="L8" s="1" t="s">
        <v>7</v>
      </c>
    </row>
    <row r="9" spans="1:12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</v>
      </c>
      <c r="L9" s="1" t="s">
        <v>7</v>
      </c>
    </row>
    <row r="10" spans="1:12" x14ac:dyDescent="0.2">
      <c r="A10" s="8" t="s">
        <v>7</v>
      </c>
      <c r="B10" s="8" t="s">
        <v>480</v>
      </c>
      <c r="C10" s="8" t="s">
        <v>7</v>
      </c>
      <c r="D10" s="8" t="s">
        <v>7</v>
      </c>
      <c r="E10" s="9">
        <v>0</v>
      </c>
      <c r="F10" s="8" t="s">
        <v>7</v>
      </c>
      <c r="G10" s="10">
        <v>0</v>
      </c>
      <c r="H10" s="9">
        <v>0</v>
      </c>
      <c r="I10" s="9">
        <v>0</v>
      </c>
      <c r="J10" s="8" t="s">
        <v>7</v>
      </c>
      <c r="K10" s="8" t="s">
        <v>7</v>
      </c>
      <c r="L10" s="8" t="s">
        <v>7</v>
      </c>
    </row>
    <row r="11" spans="1:12" x14ac:dyDescent="0.2">
      <c r="A11" s="3" t="s">
        <v>7</v>
      </c>
      <c r="B11" s="3" t="s">
        <v>481</v>
      </c>
      <c r="C11" s="3" t="s">
        <v>7</v>
      </c>
      <c r="D11" s="3" t="s">
        <v>7</v>
      </c>
      <c r="E11" s="11">
        <v>0</v>
      </c>
      <c r="F11" s="3" t="s">
        <v>7</v>
      </c>
      <c r="G11" s="12">
        <v>0</v>
      </c>
      <c r="H11" s="11">
        <v>0</v>
      </c>
      <c r="I11" s="11">
        <v>0</v>
      </c>
      <c r="J11" s="3" t="s">
        <v>7</v>
      </c>
      <c r="K11" s="3" t="s">
        <v>7</v>
      </c>
      <c r="L11" s="3" t="s">
        <v>7</v>
      </c>
    </row>
    <row r="12" spans="1:12" x14ac:dyDescent="0.2">
      <c r="A12" s="3" t="s">
        <v>7</v>
      </c>
      <c r="B12" s="3" t="s">
        <v>482</v>
      </c>
      <c r="C12" s="3" t="s">
        <v>7</v>
      </c>
      <c r="D12" s="3" t="s">
        <v>7</v>
      </c>
      <c r="E12" s="11">
        <v>0</v>
      </c>
      <c r="F12" s="3" t="s">
        <v>7</v>
      </c>
      <c r="G12" s="12">
        <v>0</v>
      </c>
      <c r="H12" s="11">
        <v>0</v>
      </c>
      <c r="I12" s="11">
        <v>0</v>
      </c>
      <c r="J12" s="3" t="s">
        <v>7</v>
      </c>
      <c r="K12" s="3" t="s">
        <v>7</v>
      </c>
      <c r="L12" s="3" t="s">
        <v>7</v>
      </c>
    </row>
    <row r="13" spans="1:12" x14ac:dyDescent="0.2">
      <c r="A13" s="3" t="s">
        <v>7</v>
      </c>
      <c r="B13" s="3" t="s">
        <v>483</v>
      </c>
      <c r="C13" s="3" t="s">
        <v>7</v>
      </c>
      <c r="D13" s="3" t="s">
        <v>7</v>
      </c>
      <c r="E13" s="11">
        <v>0</v>
      </c>
      <c r="F13" s="3" t="s">
        <v>7</v>
      </c>
      <c r="G13" s="12">
        <v>0</v>
      </c>
      <c r="H13" s="11">
        <v>0</v>
      </c>
      <c r="I13" s="11">
        <v>0</v>
      </c>
      <c r="J13" s="3" t="s">
        <v>7</v>
      </c>
      <c r="K13" s="3" t="s">
        <v>7</v>
      </c>
      <c r="L13" s="3" t="s">
        <v>7</v>
      </c>
    </row>
    <row r="14" spans="1:12" x14ac:dyDescent="0.2">
      <c r="A14" s="3" t="s">
        <v>7</v>
      </c>
      <c r="B14" s="3" t="s">
        <v>484</v>
      </c>
      <c r="C14" s="3" t="s">
        <v>7</v>
      </c>
      <c r="D14" s="3" t="s">
        <v>7</v>
      </c>
      <c r="E14" s="11">
        <v>0</v>
      </c>
      <c r="F14" s="3" t="s">
        <v>7</v>
      </c>
      <c r="G14" s="12">
        <v>0</v>
      </c>
      <c r="H14" s="11">
        <v>0</v>
      </c>
      <c r="I14" s="11">
        <v>0</v>
      </c>
      <c r="J14" s="3" t="s">
        <v>7</v>
      </c>
      <c r="K14" s="3" t="s">
        <v>7</v>
      </c>
      <c r="L14" s="3" t="s">
        <v>7</v>
      </c>
    </row>
    <row r="15" spans="1:12" x14ac:dyDescent="0.2">
      <c r="A15" s="3" t="s">
        <v>7</v>
      </c>
      <c r="B15" s="3" t="s">
        <v>482</v>
      </c>
      <c r="C15" s="3" t="s">
        <v>7</v>
      </c>
      <c r="D15" s="3" t="s">
        <v>7</v>
      </c>
      <c r="E15" s="11">
        <v>0</v>
      </c>
      <c r="F15" s="3" t="s">
        <v>7</v>
      </c>
      <c r="G15" s="12">
        <v>0</v>
      </c>
      <c r="H15" s="11">
        <v>0</v>
      </c>
      <c r="I15" s="11">
        <v>0</v>
      </c>
      <c r="J15" s="3" t="s">
        <v>7</v>
      </c>
      <c r="K15" s="3" t="s">
        <v>7</v>
      </c>
      <c r="L15" s="3" t="s">
        <v>7</v>
      </c>
    </row>
    <row r="16" spans="1:12" x14ac:dyDescent="0.2">
      <c r="A16" s="3" t="s">
        <v>7</v>
      </c>
      <c r="B16" s="3" t="s">
        <v>483</v>
      </c>
      <c r="C16" s="3" t="s">
        <v>7</v>
      </c>
      <c r="D16" s="3" t="s">
        <v>7</v>
      </c>
      <c r="E16" s="11">
        <v>0</v>
      </c>
      <c r="F16" s="3" t="s">
        <v>7</v>
      </c>
      <c r="G16" s="12">
        <v>0</v>
      </c>
      <c r="H16" s="11">
        <v>0</v>
      </c>
      <c r="I16" s="11">
        <v>0</v>
      </c>
      <c r="J16" s="3" t="s">
        <v>7</v>
      </c>
      <c r="K16" s="3" t="s">
        <v>7</v>
      </c>
      <c r="L16" s="3" t="s">
        <v>7</v>
      </c>
    </row>
    <row r="17" spans="1:12" x14ac:dyDescent="0.2">
      <c r="A17" s="8" t="s">
        <v>7</v>
      </c>
      <c r="B17" s="8" t="s">
        <v>94</v>
      </c>
      <c r="C17" s="8" t="s">
        <v>7</v>
      </c>
      <c r="D17" s="8" t="s">
        <v>7</v>
      </c>
      <c r="E17" s="8" t="s">
        <v>7</v>
      </c>
      <c r="F17" s="8" t="s">
        <v>7</v>
      </c>
      <c r="G17" s="8" t="s">
        <v>7</v>
      </c>
      <c r="H17" s="8" t="s">
        <v>7</v>
      </c>
      <c r="I17" s="8" t="s">
        <v>7</v>
      </c>
      <c r="J17" s="8" t="s">
        <v>7</v>
      </c>
      <c r="K17" s="8" t="s">
        <v>7</v>
      </c>
      <c r="L17" s="8" t="s">
        <v>7</v>
      </c>
    </row>
    <row r="18" spans="1:12" x14ac:dyDescent="0.2">
      <c r="A18" s="8" t="s">
        <v>7</v>
      </c>
      <c r="B18" s="8" t="s">
        <v>120</v>
      </c>
      <c r="C18" s="8" t="s">
        <v>7</v>
      </c>
      <c r="D18" s="8" t="s">
        <v>7</v>
      </c>
      <c r="E18" s="8" t="s">
        <v>7</v>
      </c>
      <c r="F18" s="8" t="s">
        <v>7</v>
      </c>
      <c r="G18" s="8" t="s">
        <v>7</v>
      </c>
      <c r="H18" s="8" t="s">
        <v>7</v>
      </c>
      <c r="I18" s="8" t="s">
        <v>7</v>
      </c>
      <c r="J18" s="8" t="s">
        <v>7</v>
      </c>
      <c r="K18" s="8" t="s">
        <v>7</v>
      </c>
      <c r="L18" s="8" t="s">
        <v>7</v>
      </c>
    </row>
    <row r="19" spans="1:12" x14ac:dyDescent="0.2">
      <c r="A19" s="7" t="s">
        <v>278</v>
      </c>
      <c r="B19" s="7" t="s">
        <v>59</v>
      </c>
    </row>
  </sheetData>
  <pageMargins left="0.7" right="0.7" top="0.75" bottom="0.75" header="0.3" footer="0.3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2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1:11" x14ac:dyDescent="0.2">
      <c r="B1" s="7" t="s">
        <v>0</v>
      </c>
      <c r="C1" s="7" t="s">
        <v>1</v>
      </c>
    </row>
    <row r="2" spans="1:11" x14ac:dyDescent="0.2">
      <c r="B2" s="7" t="s">
        <v>2</v>
      </c>
      <c r="C2" s="7" t="s">
        <v>3</v>
      </c>
    </row>
    <row r="3" spans="1:11" x14ac:dyDescent="0.2">
      <c r="B3" s="7" t="s">
        <v>4</v>
      </c>
      <c r="C3" s="7" t="s">
        <v>5</v>
      </c>
    </row>
    <row r="4" spans="1:11" x14ac:dyDescent="0.2">
      <c r="B4" s="7" t="s">
        <v>6</v>
      </c>
      <c r="C4" s="7">
        <v>1526</v>
      </c>
    </row>
    <row r="5" spans="1:11" x14ac:dyDescent="0.2">
      <c r="B5" s="7" t="s">
        <v>7</v>
      </c>
      <c r="C5" s="7" t="s">
        <v>7</v>
      </c>
    </row>
    <row r="6" spans="1:11" x14ac:dyDescent="0.2">
      <c r="A6" s="1" t="s">
        <v>7</v>
      </c>
      <c r="B6" s="1" t="s">
        <v>48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1:11" x14ac:dyDescent="0.2">
      <c r="A7" s="1" t="s">
        <v>7</v>
      </c>
      <c r="B7" s="1" t="s">
        <v>61</v>
      </c>
      <c r="C7" s="1" t="s">
        <v>63</v>
      </c>
      <c r="D7" s="1" t="s">
        <v>64</v>
      </c>
      <c r="E7" s="1" t="s">
        <v>486</v>
      </c>
      <c r="F7" s="1" t="s">
        <v>487</v>
      </c>
      <c r="G7" s="1" t="s">
        <v>66</v>
      </c>
      <c r="H7" s="1" t="s">
        <v>488</v>
      </c>
      <c r="I7" s="1" t="s">
        <v>9</v>
      </c>
      <c r="J7" s="1" t="s">
        <v>70</v>
      </c>
      <c r="K7" s="1" t="s">
        <v>104</v>
      </c>
    </row>
    <row r="8" spans="1:11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1:11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1:11" x14ac:dyDescent="0.2">
      <c r="A10" s="8" t="s">
        <v>7</v>
      </c>
      <c r="B10" s="8" t="s">
        <v>489</v>
      </c>
      <c r="C10" s="8" t="s">
        <v>7</v>
      </c>
      <c r="D10" s="8" t="s">
        <v>7</v>
      </c>
      <c r="E10" s="8" t="s">
        <v>7</v>
      </c>
      <c r="F10" s="9">
        <v>0</v>
      </c>
      <c r="G10" s="8" t="s">
        <v>7</v>
      </c>
      <c r="H10" s="9">
        <v>0</v>
      </c>
      <c r="I10" s="10">
        <v>0</v>
      </c>
      <c r="J10" s="9">
        <v>0</v>
      </c>
      <c r="K10" s="9">
        <v>0</v>
      </c>
    </row>
    <row r="11" spans="1:11" x14ac:dyDescent="0.2">
      <c r="A11" s="3" t="s">
        <v>7</v>
      </c>
      <c r="B11" s="3" t="s">
        <v>81</v>
      </c>
      <c r="C11" s="3" t="s">
        <v>7</v>
      </c>
      <c r="D11" s="3" t="s">
        <v>7</v>
      </c>
      <c r="E11" s="3" t="s">
        <v>7</v>
      </c>
      <c r="F11" s="11">
        <v>0</v>
      </c>
      <c r="G11" s="3" t="s">
        <v>7</v>
      </c>
      <c r="H11" s="11">
        <v>0</v>
      </c>
      <c r="I11" s="12">
        <v>0</v>
      </c>
      <c r="J11" s="11">
        <v>0</v>
      </c>
      <c r="K11" s="11">
        <v>0</v>
      </c>
    </row>
    <row r="12" spans="1:11" x14ac:dyDescent="0.2">
      <c r="A12" s="3" t="s">
        <v>7</v>
      </c>
      <c r="B12" s="3" t="s">
        <v>92</v>
      </c>
      <c r="C12" s="3" t="s">
        <v>7</v>
      </c>
      <c r="D12" s="3" t="s">
        <v>7</v>
      </c>
      <c r="E12" s="3" t="s">
        <v>7</v>
      </c>
      <c r="F12" s="11">
        <v>0</v>
      </c>
      <c r="G12" s="3" t="s">
        <v>7</v>
      </c>
      <c r="H12" s="11">
        <v>0</v>
      </c>
      <c r="I12" s="12">
        <v>0</v>
      </c>
      <c r="J12" s="11">
        <v>0</v>
      </c>
      <c r="K12" s="11">
        <v>0</v>
      </c>
    </row>
    <row r="13" spans="1:11" x14ac:dyDescent="0.2">
      <c r="A13" s="8" t="s">
        <v>7</v>
      </c>
      <c r="B13" s="8" t="s">
        <v>94</v>
      </c>
      <c r="C13" s="8" t="s">
        <v>7</v>
      </c>
      <c r="D13" s="8" t="s">
        <v>7</v>
      </c>
      <c r="E13" s="8" t="s">
        <v>7</v>
      </c>
      <c r="F13" s="8" t="s">
        <v>7</v>
      </c>
      <c r="G13" s="8" t="s">
        <v>7</v>
      </c>
      <c r="H13" s="8" t="s">
        <v>7</v>
      </c>
      <c r="I13" s="8" t="s">
        <v>7</v>
      </c>
      <c r="J13" s="8" t="s">
        <v>7</v>
      </c>
      <c r="K13" s="8" t="s">
        <v>7</v>
      </c>
    </row>
    <row r="14" spans="1:11" x14ac:dyDescent="0.2">
      <c r="A14" s="8" t="s">
        <v>7</v>
      </c>
      <c r="B14" s="8" t="s">
        <v>120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</row>
    <row r="15" spans="1:11" x14ac:dyDescent="0.2">
      <c r="A15" s="7" t="s">
        <v>278</v>
      </c>
      <c r="B15" s="7" t="s">
        <v>59</v>
      </c>
    </row>
  </sheetData>
  <pageMargins left="0.7" right="0.7" top="0.75" bottom="0.75" header="0.3" footer="0.3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3" width="11" customWidth="1"/>
    <col min="4" max="4" width="7" customWidth="1"/>
    <col min="5" max="5" width="10" customWidth="1"/>
    <col min="6" max="6" width="14" customWidth="1"/>
    <col min="7" max="7" width="10" customWidth="1"/>
    <col min="8" max="8" width="14" customWidth="1"/>
    <col min="9" max="9" width="11" customWidth="1"/>
    <col min="10" max="10" width="24" customWidth="1"/>
    <col min="11" max="11" width="23" customWidth="1"/>
  </cols>
  <sheetData>
    <row r="1" spans="1:11" x14ac:dyDescent="0.2">
      <c r="B1" s="7" t="s">
        <v>0</v>
      </c>
      <c r="C1" s="7" t="s">
        <v>1</v>
      </c>
    </row>
    <row r="2" spans="1:11" x14ac:dyDescent="0.2">
      <c r="B2" s="7" t="s">
        <v>2</v>
      </c>
      <c r="C2" s="7" t="s">
        <v>3</v>
      </c>
    </row>
    <row r="3" spans="1:11" x14ac:dyDescent="0.2">
      <c r="B3" s="7" t="s">
        <v>4</v>
      </c>
      <c r="C3" s="7" t="s">
        <v>5</v>
      </c>
    </row>
    <row r="4" spans="1:11" x14ac:dyDescent="0.2">
      <c r="B4" s="7" t="s">
        <v>6</v>
      </c>
      <c r="C4" s="7">
        <v>1526</v>
      </c>
    </row>
    <row r="5" spans="1:11" x14ac:dyDescent="0.2">
      <c r="B5" s="7" t="s">
        <v>7</v>
      </c>
      <c r="C5" s="7" t="s">
        <v>7</v>
      </c>
    </row>
    <row r="6" spans="1:11" x14ac:dyDescent="0.2">
      <c r="A6" s="1" t="s">
        <v>7</v>
      </c>
      <c r="B6" s="1" t="s">
        <v>7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</row>
    <row r="7" spans="1:11" x14ac:dyDescent="0.2">
      <c r="A7" s="1" t="s">
        <v>7</v>
      </c>
      <c r="B7" s="1" t="s">
        <v>61</v>
      </c>
      <c r="C7" s="1" t="s">
        <v>62</v>
      </c>
      <c r="D7" s="1" t="s">
        <v>64</v>
      </c>
      <c r="E7" s="1" t="s">
        <v>486</v>
      </c>
      <c r="F7" s="1" t="s">
        <v>487</v>
      </c>
      <c r="G7" s="1" t="s">
        <v>66</v>
      </c>
      <c r="H7" s="1" t="s">
        <v>488</v>
      </c>
      <c r="I7" s="1" t="s">
        <v>9</v>
      </c>
      <c r="J7" s="1" t="s">
        <v>70</v>
      </c>
      <c r="K7" s="1" t="s">
        <v>104</v>
      </c>
    </row>
    <row r="8" spans="1:11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12</v>
      </c>
      <c r="G8" s="1" t="s">
        <v>7</v>
      </c>
      <c r="H8" s="1" t="s">
        <v>12</v>
      </c>
      <c r="I8" s="1" t="s">
        <v>11</v>
      </c>
      <c r="J8" s="1" t="s">
        <v>12</v>
      </c>
      <c r="K8" s="1" t="s">
        <v>12</v>
      </c>
    </row>
    <row r="9" spans="1:11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</row>
    <row r="10" spans="1:11" x14ac:dyDescent="0.2">
      <c r="A10" s="8" t="s">
        <v>7</v>
      </c>
      <c r="B10" s="8" t="s">
        <v>49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10">
        <v>0</v>
      </c>
      <c r="J10" s="9">
        <v>0</v>
      </c>
      <c r="K10" s="9">
        <v>0</v>
      </c>
    </row>
    <row r="11" spans="1:11" x14ac:dyDescent="0.2">
      <c r="A11" s="3" t="s">
        <v>7</v>
      </c>
      <c r="B11" s="3" t="s">
        <v>81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12">
        <v>0</v>
      </c>
      <c r="J11" s="11">
        <v>0</v>
      </c>
      <c r="K11" s="11">
        <v>0</v>
      </c>
    </row>
    <row r="12" spans="1:11" x14ac:dyDescent="0.2">
      <c r="A12" s="3" t="s">
        <v>7</v>
      </c>
      <c r="B12" s="3" t="s">
        <v>92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0</v>
      </c>
      <c r="J12" s="11">
        <v>0</v>
      </c>
      <c r="K12" s="11">
        <v>0</v>
      </c>
    </row>
    <row r="13" spans="1:11" x14ac:dyDescent="0.2">
      <c r="A13" s="8" t="s">
        <v>7</v>
      </c>
      <c r="B13" s="8" t="s">
        <v>94</v>
      </c>
      <c r="C13" s="8" t="s">
        <v>7</v>
      </c>
      <c r="D13" s="8" t="s">
        <v>7</v>
      </c>
      <c r="E13" s="8" t="s">
        <v>7</v>
      </c>
      <c r="F13" s="8" t="s">
        <v>7</v>
      </c>
      <c r="G13" s="8" t="s">
        <v>7</v>
      </c>
      <c r="H13" s="8" t="s">
        <v>7</v>
      </c>
      <c r="I13" s="8" t="s">
        <v>7</v>
      </c>
      <c r="J13" s="8" t="s">
        <v>7</v>
      </c>
      <c r="K13" s="8" t="s">
        <v>7</v>
      </c>
    </row>
    <row r="14" spans="1:11" x14ac:dyDescent="0.2">
      <c r="A14" s="8" t="s">
        <v>7</v>
      </c>
      <c r="B14" s="8" t="s">
        <v>120</v>
      </c>
      <c r="C14" s="8" t="s">
        <v>7</v>
      </c>
      <c r="D14" s="8" t="s">
        <v>7</v>
      </c>
      <c r="E14" s="8" t="s">
        <v>7</v>
      </c>
      <c r="F14" s="8" t="s">
        <v>7</v>
      </c>
      <c r="G14" s="8" t="s">
        <v>7</v>
      </c>
      <c r="H14" s="8" t="s">
        <v>7</v>
      </c>
      <c r="I14" s="8" t="s">
        <v>7</v>
      </c>
      <c r="J14" s="8" t="s">
        <v>7</v>
      </c>
      <c r="K14" s="8" t="s">
        <v>7</v>
      </c>
    </row>
    <row r="15" spans="1:11" x14ac:dyDescent="0.2">
      <c r="A15" s="7" t="s">
        <v>278</v>
      </c>
      <c r="B15" s="7" t="s">
        <v>59</v>
      </c>
    </row>
  </sheetData>
  <pageMargins left="0.7" right="0.7" top="0.75" bottom="0.75" header="0.3" footer="0.3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D14"/>
  <sheetViews>
    <sheetView rightToLeft="1" workbookViewId="0"/>
  </sheetViews>
  <sheetFormatPr defaultRowHeight="14.25" x14ac:dyDescent="0.2"/>
  <cols>
    <col min="1" max="1" width="2" customWidth="1"/>
    <col min="2" max="2" width="29" customWidth="1"/>
    <col min="3" max="3" width="16" customWidth="1"/>
    <col min="4" max="4" width="22" customWidth="1"/>
  </cols>
  <sheetData>
    <row r="1" spans="1:4" x14ac:dyDescent="0.2">
      <c r="B1" s="7" t="s">
        <v>0</v>
      </c>
      <c r="C1" s="7" t="s">
        <v>1</v>
      </c>
    </row>
    <row r="2" spans="1:4" x14ac:dyDescent="0.2">
      <c r="B2" s="7" t="s">
        <v>2</v>
      </c>
      <c r="C2" s="7" t="s">
        <v>3</v>
      </c>
    </row>
    <row r="3" spans="1:4" x14ac:dyDescent="0.2">
      <c r="B3" s="7" t="s">
        <v>4</v>
      </c>
      <c r="C3" s="7" t="s">
        <v>5</v>
      </c>
    </row>
    <row r="4" spans="1:4" x14ac:dyDescent="0.2">
      <c r="B4" s="7" t="s">
        <v>6</v>
      </c>
      <c r="C4" s="7">
        <v>1526</v>
      </c>
    </row>
    <row r="5" spans="1:4" x14ac:dyDescent="0.2">
      <c r="B5" s="7" t="s">
        <v>7</v>
      </c>
      <c r="C5" s="7" t="s">
        <v>7</v>
      </c>
    </row>
    <row r="6" spans="1:4" x14ac:dyDescent="0.2">
      <c r="A6" s="1" t="s">
        <v>7</v>
      </c>
      <c r="B6" s="1" t="s">
        <v>491</v>
      </c>
      <c r="C6" s="1" t="s">
        <v>7</v>
      </c>
      <c r="D6" s="1" t="s">
        <v>7</v>
      </c>
    </row>
    <row r="7" spans="1:4" x14ac:dyDescent="0.2">
      <c r="A7" s="1" t="s">
        <v>7</v>
      </c>
      <c r="B7" s="1" t="s">
        <v>61</v>
      </c>
      <c r="C7" s="1" t="s">
        <v>492</v>
      </c>
      <c r="D7" s="1" t="s">
        <v>493</v>
      </c>
    </row>
    <row r="8" spans="1:4" x14ac:dyDescent="0.2">
      <c r="A8" s="1" t="s">
        <v>7</v>
      </c>
      <c r="B8" s="1" t="s">
        <v>7</v>
      </c>
      <c r="C8" s="1" t="s">
        <v>11</v>
      </c>
      <c r="D8" s="1" t="s">
        <v>134</v>
      </c>
    </row>
    <row r="9" spans="1:4" x14ac:dyDescent="0.2">
      <c r="A9" s="1" t="s">
        <v>7</v>
      </c>
      <c r="B9" s="1" t="s">
        <v>7</v>
      </c>
      <c r="C9" s="1" t="s">
        <v>13</v>
      </c>
      <c r="D9" s="1" t="s">
        <v>14</v>
      </c>
    </row>
    <row r="10" spans="1:4" x14ac:dyDescent="0.2">
      <c r="A10" s="8" t="s">
        <v>7</v>
      </c>
      <c r="B10" s="8" t="s">
        <v>494</v>
      </c>
      <c r="C10" s="10">
        <v>0</v>
      </c>
      <c r="D10" s="8" t="s">
        <v>7</v>
      </c>
    </row>
    <row r="11" spans="1:4" x14ac:dyDescent="0.2">
      <c r="A11" s="3" t="s">
        <v>7</v>
      </c>
      <c r="B11" s="3" t="s">
        <v>81</v>
      </c>
      <c r="C11" s="12">
        <v>0</v>
      </c>
      <c r="D11" s="3" t="s">
        <v>7</v>
      </c>
    </row>
    <row r="12" spans="1:4" x14ac:dyDescent="0.2">
      <c r="A12" s="3" t="s">
        <v>7</v>
      </c>
      <c r="B12" s="3" t="s">
        <v>92</v>
      </c>
      <c r="C12" s="12">
        <v>0</v>
      </c>
      <c r="D12" s="3" t="s">
        <v>7</v>
      </c>
    </row>
    <row r="13" spans="1:4" x14ac:dyDescent="0.2">
      <c r="A13" s="8" t="s">
        <v>7</v>
      </c>
      <c r="B13" s="8" t="s">
        <v>495</v>
      </c>
      <c r="C13" s="8" t="s">
        <v>7</v>
      </c>
      <c r="D13" s="8" t="s">
        <v>7</v>
      </c>
    </row>
    <row r="14" spans="1:4" x14ac:dyDescent="0.2">
      <c r="A14" s="7" t="s">
        <v>278</v>
      </c>
      <c r="B14" s="7" t="s">
        <v>59</v>
      </c>
    </row>
  </sheetData>
  <pageMargins left="0.7" right="0.7" top="0.75" bottom="0.75" header="0.3" footer="0.3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rightToLeft="1" workbookViewId="0"/>
  </sheetViews>
  <sheetFormatPr defaultRowHeight="14.25" x14ac:dyDescent="0.2"/>
  <cols>
    <col min="1" max="1" width="2" customWidth="1"/>
    <col min="2" max="2" width="27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52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496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61</v>
      </c>
      <c r="C7" s="1" t="s">
        <v>62</v>
      </c>
      <c r="D7" s="1" t="s">
        <v>123</v>
      </c>
      <c r="E7" s="1" t="s">
        <v>64</v>
      </c>
      <c r="F7" s="1" t="s">
        <v>65</v>
      </c>
      <c r="G7" s="1" t="s">
        <v>98</v>
      </c>
      <c r="H7" s="1" t="s">
        <v>99</v>
      </c>
      <c r="I7" s="1" t="s">
        <v>66</v>
      </c>
      <c r="J7" s="1" t="s">
        <v>67</v>
      </c>
      <c r="K7" s="1" t="s">
        <v>497</v>
      </c>
      <c r="L7" s="1" t="s">
        <v>100</v>
      </c>
      <c r="M7" s="1" t="s">
        <v>498</v>
      </c>
      <c r="N7" s="1" t="s">
        <v>103</v>
      </c>
      <c r="O7" s="1" t="s">
        <v>70</v>
      </c>
      <c r="P7" s="1" t="s">
        <v>104</v>
      </c>
      <c r="Q7" s="1" t="s">
        <v>7</v>
      </c>
    </row>
    <row r="8" spans="1:17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34</v>
      </c>
      <c r="H8" s="1" t="s">
        <v>105</v>
      </c>
      <c r="I8" s="1" t="s">
        <v>7</v>
      </c>
      <c r="J8" s="1" t="s">
        <v>12</v>
      </c>
      <c r="K8" s="1" t="s">
        <v>499</v>
      </c>
      <c r="L8" s="1" t="s">
        <v>135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08</v>
      </c>
      <c r="N9" s="1" t="s">
        <v>109</v>
      </c>
      <c r="O9" s="1" t="s">
        <v>110</v>
      </c>
      <c r="P9" s="1" t="s">
        <v>111</v>
      </c>
      <c r="Q9" s="1" t="s">
        <v>7</v>
      </c>
    </row>
    <row r="10" spans="1:17" x14ac:dyDescent="0.2">
      <c r="A10" s="8" t="s">
        <v>7</v>
      </c>
      <c r="B10" s="8" t="s">
        <v>500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10">
        <v>0</v>
      </c>
      <c r="I10" s="8" t="s">
        <v>7</v>
      </c>
      <c r="J10" s="9">
        <v>0</v>
      </c>
      <c r="K10" s="9">
        <v>0</v>
      </c>
      <c r="L10" s="8" t="s">
        <v>7</v>
      </c>
      <c r="M10" s="10">
        <v>0</v>
      </c>
      <c r="N10" s="8" t="s">
        <v>7</v>
      </c>
      <c r="O10" s="9">
        <v>0</v>
      </c>
      <c r="P10" s="9">
        <v>0</v>
      </c>
      <c r="Q10" s="8" t="s">
        <v>7</v>
      </c>
    </row>
    <row r="11" spans="1:17" x14ac:dyDescent="0.2">
      <c r="A11" s="8" t="s">
        <v>7</v>
      </c>
      <c r="B11" s="8" t="s">
        <v>81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10">
        <v>0</v>
      </c>
      <c r="N11" s="8" t="s">
        <v>7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128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12">
        <v>0</v>
      </c>
      <c r="N12" s="3" t="s">
        <v>7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11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12">
        <v>0</v>
      </c>
      <c r="N13" s="3" t="s">
        <v>7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29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12">
        <v>0</v>
      </c>
      <c r="N14" s="3" t="s">
        <v>7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28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12">
        <v>0</v>
      </c>
      <c r="N15" s="3" t="s">
        <v>7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501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3" t="s">
        <v>7</v>
      </c>
      <c r="B17" s="3" t="s">
        <v>13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  <c r="Q17" s="3" t="s">
        <v>7</v>
      </c>
    </row>
    <row r="18" spans="1:17" x14ac:dyDescent="0.2">
      <c r="A18" s="3" t="s">
        <v>7</v>
      </c>
      <c r="B18" s="3" t="s">
        <v>130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  <c r="Q18" s="3" t="s">
        <v>7</v>
      </c>
    </row>
    <row r="19" spans="1:17" x14ac:dyDescent="0.2">
      <c r="A19" s="7" t="s">
        <v>278</v>
      </c>
      <c r="B19" s="7" t="s">
        <v>59</v>
      </c>
    </row>
  </sheetData>
  <pageMargins left="0.7" right="0.7" top="0.75" bottom="0.75" header="0.3" footer="0.3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Q19"/>
  <sheetViews>
    <sheetView rightToLeft="1" workbookViewId="0"/>
  </sheetViews>
  <sheetFormatPr defaultRowHeight="14.25" x14ac:dyDescent="0.2"/>
  <cols>
    <col min="1" max="1" width="2" customWidth="1"/>
    <col min="2" max="2" width="28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  <col min="17" max="17" width="2" customWidth="1"/>
  </cols>
  <sheetData>
    <row r="1" spans="1:17" x14ac:dyDescent="0.2">
      <c r="B1" s="7" t="s">
        <v>0</v>
      </c>
      <c r="C1" s="7" t="s">
        <v>1</v>
      </c>
    </row>
    <row r="2" spans="1:17" x14ac:dyDescent="0.2">
      <c r="B2" s="7" t="s">
        <v>2</v>
      </c>
      <c r="C2" s="7" t="s">
        <v>3</v>
      </c>
    </row>
    <row r="3" spans="1:17" x14ac:dyDescent="0.2">
      <c r="B3" s="7" t="s">
        <v>4</v>
      </c>
      <c r="C3" s="7" t="s">
        <v>5</v>
      </c>
    </row>
    <row r="4" spans="1:17" x14ac:dyDescent="0.2">
      <c r="B4" s="7" t="s">
        <v>6</v>
      </c>
      <c r="C4" s="7">
        <v>1526</v>
      </c>
    </row>
    <row r="5" spans="1:17" x14ac:dyDescent="0.2">
      <c r="B5" s="7" t="s">
        <v>7</v>
      </c>
      <c r="C5" s="7" t="s">
        <v>7</v>
      </c>
    </row>
    <row r="6" spans="1:17" x14ac:dyDescent="0.2">
      <c r="A6" s="1" t="s">
        <v>7</v>
      </c>
      <c r="B6" s="1" t="s">
        <v>502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</row>
    <row r="7" spans="1:17" x14ac:dyDescent="0.2">
      <c r="A7" s="1" t="s">
        <v>7</v>
      </c>
      <c r="B7" s="1" t="s">
        <v>61</v>
      </c>
      <c r="C7" s="1" t="s">
        <v>62</v>
      </c>
      <c r="D7" s="1" t="s">
        <v>123</v>
      </c>
      <c r="E7" s="1" t="s">
        <v>64</v>
      </c>
      <c r="F7" s="1" t="s">
        <v>65</v>
      </c>
      <c r="G7" s="1" t="s">
        <v>98</v>
      </c>
      <c r="H7" s="1" t="s">
        <v>99</v>
      </c>
      <c r="I7" s="1" t="s">
        <v>66</v>
      </c>
      <c r="J7" s="1" t="s">
        <v>67</v>
      </c>
      <c r="K7" s="1" t="s">
        <v>497</v>
      </c>
      <c r="L7" s="1" t="s">
        <v>100</v>
      </c>
      <c r="M7" s="1" t="s">
        <v>498</v>
      </c>
      <c r="N7" s="1" t="s">
        <v>103</v>
      </c>
      <c r="O7" s="1" t="s">
        <v>70</v>
      </c>
      <c r="P7" s="1" t="s">
        <v>104</v>
      </c>
      <c r="Q7" s="1" t="s">
        <v>7</v>
      </c>
    </row>
    <row r="8" spans="1:17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34</v>
      </c>
      <c r="H8" s="1" t="s">
        <v>105</v>
      </c>
      <c r="I8" s="1" t="s">
        <v>7</v>
      </c>
      <c r="J8" s="1" t="s">
        <v>12</v>
      </c>
      <c r="K8" s="1" t="s">
        <v>12</v>
      </c>
      <c r="L8" s="1" t="s">
        <v>135</v>
      </c>
      <c r="M8" s="1" t="s">
        <v>11</v>
      </c>
      <c r="N8" s="1" t="s">
        <v>12</v>
      </c>
      <c r="O8" s="1" t="s">
        <v>12</v>
      </c>
      <c r="P8" s="1" t="s">
        <v>12</v>
      </c>
      <c r="Q8" s="1" t="s">
        <v>7</v>
      </c>
    </row>
    <row r="9" spans="1:17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08</v>
      </c>
      <c r="N9" s="1" t="s">
        <v>109</v>
      </c>
      <c r="O9" s="1" t="s">
        <v>110</v>
      </c>
      <c r="P9" s="1" t="s">
        <v>111</v>
      </c>
      <c r="Q9" s="1" t="s">
        <v>7</v>
      </c>
    </row>
    <row r="10" spans="1:17" x14ac:dyDescent="0.2">
      <c r="A10" s="8" t="s">
        <v>7</v>
      </c>
      <c r="B10" s="8" t="s">
        <v>503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10">
        <v>0</v>
      </c>
      <c r="I10" s="8" t="s">
        <v>7</v>
      </c>
      <c r="J10" s="9">
        <v>0</v>
      </c>
      <c r="K10" s="9">
        <v>0</v>
      </c>
      <c r="L10" s="8" t="s">
        <v>7</v>
      </c>
      <c r="M10" s="10">
        <v>0</v>
      </c>
      <c r="N10" s="9">
        <v>0</v>
      </c>
      <c r="O10" s="9">
        <v>0</v>
      </c>
      <c r="P10" s="9">
        <v>0</v>
      </c>
      <c r="Q10" s="8" t="s">
        <v>7</v>
      </c>
    </row>
    <row r="11" spans="1:17" x14ac:dyDescent="0.2">
      <c r="A11" s="8" t="s">
        <v>7</v>
      </c>
      <c r="B11" s="8" t="s">
        <v>50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8" t="s">
        <v>7</v>
      </c>
      <c r="M11" s="10">
        <v>0</v>
      </c>
      <c r="N11" s="9">
        <v>0</v>
      </c>
      <c r="O11" s="9">
        <v>0</v>
      </c>
      <c r="P11" s="9">
        <v>0</v>
      </c>
      <c r="Q11" s="8" t="s">
        <v>7</v>
      </c>
    </row>
    <row r="12" spans="1:17" x14ac:dyDescent="0.2">
      <c r="A12" s="3" t="s">
        <v>7</v>
      </c>
      <c r="B12" s="3" t="s">
        <v>128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3" t="s">
        <v>7</v>
      </c>
      <c r="M12" s="12">
        <v>0</v>
      </c>
      <c r="N12" s="11">
        <v>0</v>
      </c>
      <c r="O12" s="11">
        <v>0</v>
      </c>
      <c r="P12" s="11">
        <v>0</v>
      </c>
      <c r="Q12" s="3" t="s">
        <v>7</v>
      </c>
    </row>
    <row r="13" spans="1:17" x14ac:dyDescent="0.2">
      <c r="A13" s="3" t="s">
        <v>7</v>
      </c>
      <c r="B13" s="3" t="s">
        <v>11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3" t="s">
        <v>7</v>
      </c>
      <c r="M13" s="12">
        <v>0</v>
      </c>
      <c r="N13" s="11">
        <v>0</v>
      </c>
      <c r="O13" s="11">
        <v>0</v>
      </c>
      <c r="P13" s="11">
        <v>0</v>
      </c>
      <c r="Q13" s="3" t="s">
        <v>7</v>
      </c>
    </row>
    <row r="14" spans="1:17" x14ac:dyDescent="0.2">
      <c r="A14" s="3" t="s">
        <v>7</v>
      </c>
      <c r="B14" s="3" t="s">
        <v>129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3" t="s">
        <v>7</v>
      </c>
      <c r="M14" s="12">
        <v>0</v>
      </c>
      <c r="N14" s="11">
        <v>0</v>
      </c>
      <c r="O14" s="11">
        <v>0</v>
      </c>
      <c r="P14" s="11">
        <v>0</v>
      </c>
      <c r="Q14" s="3" t="s">
        <v>7</v>
      </c>
    </row>
    <row r="15" spans="1:17" x14ac:dyDescent="0.2">
      <c r="A15" s="3" t="s">
        <v>7</v>
      </c>
      <c r="B15" s="3" t="s">
        <v>28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3" t="s">
        <v>7</v>
      </c>
      <c r="M15" s="12">
        <v>0</v>
      </c>
      <c r="N15" s="11">
        <v>0</v>
      </c>
      <c r="O15" s="11">
        <v>0</v>
      </c>
      <c r="P15" s="11">
        <v>0</v>
      </c>
      <c r="Q15" s="3" t="s">
        <v>7</v>
      </c>
    </row>
    <row r="16" spans="1:17" x14ac:dyDescent="0.2">
      <c r="A16" s="8" t="s">
        <v>7</v>
      </c>
      <c r="B16" s="8" t="s">
        <v>501</v>
      </c>
      <c r="C16" s="8" t="s">
        <v>7</v>
      </c>
      <c r="D16" s="8" t="s">
        <v>7</v>
      </c>
      <c r="E16" s="8" t="s">
        <v>7</v>
      </c>
      <c r="F16" s="8" t="s">
        <v>7</v>
      </c>
      <c r="G16" s="8" t="s">
        <v>7</v>
      </c>
      <c r="H16" s="8" t="s">
        <v>7</v>
      </c>
      <c r="I16" s="8" t="s">
        <v>7</v>
      </c>
      <c r="J16" s="8" t="s">
        <v>7</v>
      </c>
      <c r="K16" s="8" t="s">
        <v>7</v>
      </c>
      <c r="L16" s="8" t="s">
        <v>7</v>
      </c>
      <c r="M16" s="8" t="s">
        <v>7</v>
      </c>
      <c r="N16" s="8" t="s">
        <v>7</v>
      </c>
      <c r="O16" s="8" t="s">
        <v>7</v>
      </c>
      <c r="P16" s="8" t="s">
        <v>7</v>
      </c>
      <c r="Q16" s="8" t="s">
        <v>7</v>
      </c>
    </row>
    <row r="17" spans="1:17" x14ac:dyDescent="0.2">
      <c r="A17" s="3" t="s">
        <v>7</v>
      </c>
      <c r="B17" s="3" t="s">
        <v>13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  <c r="Q17" s="3" t="s">
        <v>7</v>
      </c>
    </row>
    <row r="18" spans="1:17" x14ac:dyDescent="0.2">
      <c r="A18" s="3" t="s">
        <v>7</v>
      </c>
      <c r="B18" s="3" t="s">
        <v>130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  <c r="Q18" s="3" t="s">
        <v>7</v>
      </c>
    </row>
    <row r="19" spans="1:17" x14ac:dyDescent="0.2">
      <c r="A19" s="7" t="s">
        <v>278</v>
      </c>
      <c r="B19" s="7" t="s">
        <v>59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S21"/>
  <sheetViews>
    <sheetView rightToLeft="1" workbookViewId="0"/>
  </sheetViews>
  <sheetFormatPr defaultRowHeight="14.25" x14ac:dyDescent="0.2"/>
  <cols>
    <col min="1" max="1" width="2" customWidth="1"/>
    <col min="2" max="2" width="40" customWidth="1"/>
    <col min="3" max="4" width="11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5" customWidth="1"/>
    <col min="12" max="12" width="10" customWidth="1"/>
    <col min="13" max="13" width="8" customWidth="1"/>
    <col min="14" max="14" width="18" customWidth="1"/>
    <col min="15" max="15" width="10" customWidth="1"/>
    <col min="16" max="16" width="22" customWidth="1"/>
    <col min="17" max="17" width="24" customWidth="1"/>
    <col min="18" max="18" width="23" customWidth="1"/>
    <col min="19" max="19" width="2" customWidth="1"/>
  </cols>
  <sheetData>
    <row r="1" spans="1:19" x14ac:dyDescent="0.2">
      <c r="B1" s="7" t="s">
        <v>0</v>
      </c>
      <c r="C1" s="7" t="s">
        <v>1</v>
      </c>
    </row>
    <row r="2" spans="1:19" x14ac:dyDescent="0.2">
      <c r="B2" s="7" t="s">
        <v>2</v>
      </c>
      <c r="C2" s="7" t="s">
        <v>3</v>
      </c>
    </row>
    <row r="3" spans="1:19" x14ac:dyDescent="0.2">
      <c r="B3" s="7" t="s">
        <v>4</v>
      </c>
      <c r="C3" s="7" t="s">
        <v>5</v>
      </c>
    </row>
    <row r="4" spans="1:19" x14ac:dyDescent="0.2">
      <c r="B4" s="7" t="s">
        <v>6</v>
      </c>
      <c r="C4" s="7">
        <v>1526</v>
      </c>
    </row>
    <row r="5" spans="1:19" x14ac:dyDescent="0.2">
      <c r="B5" s="7" t="s">
        <v>7</v>
      </c>
      <c r="C5" s="7" t="s">
        <v>7</v>
      </c>
    </row>
    <row r="6" spans="1:19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</row>
    <row r="7" spans="1:19" x14ac:dyDescent="0.2">
      <c r="A7" s="1" t="s">
        <v>7</v>
      </c>
      <c r="B7" s="1" t="s">
        <v>9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</row>
    <row r="8" spans="1:19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64</v>
      </c>
      <c r="F8" s="1" t="s">
        <v>65</v>
      </c>
      <c r="G8" s="1" t="s">
        <v>98</v>
      </c>
      <c r="H8" s="1" t="s">
        <v>99</v>
      </c>
      <c r="I8" s="1" t="s">
        <v>66</v>
      </c>
      <c r="J8" s="1" t="s">
        <v>67</v>
      </c>
      <c r="K8" s="1" t="s">
        <v>68</v>
      </c>
      <c r="L8" s="1" t="s">
        <v>100</v>
      </c>
      <c r="M8" s="1" t="s">
        <v>101</v>
      </c>
      <c r="N8" s="1" t="s">
        <v>102</v>
      </c>
      <c r="O8" s="1" t="s">
        <v>69</v>
      </c>
      <c r="P8" s="1" t="s">
        <v>103</v>
      </c>
      <c r="Q8" s="1" t="s">
        <v>70</v>
      </c>
      <c r="R8" s="1" t="s">
        <v>104</v>
      </c>
      <c r="S8" s="1" t="s">
        <v>7</v>
      </c>
    </row>
    <row r="9" spans="1:19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05</v>
      </c>
      <c r="I9" s="1" t="s">
        <v>7</v>
      </c>
      <c r="J9" s="1" t="s">
        <v>12</v>
      </c>
      <c r="K9" s="1" t="s">
        <v>12</v>
      </c>
      <c r="L9" s="1" t="s">
        <v>106</v>
      </c>
      <c r="M9" s="1" t="s">
        <v>107</v>
      </c>
      <c r="N9" s="1" t="s">
        <v>11</v>
      </c>
      <c r="O9" s="1" t="s">
        <v>11</v>
      </c>
      <c r="P9" s="1" t="s">
        <v>12</v>
      </c>
      <c r="Q9" s="1" t="s">
        <v>12</v>
      </c>
      <c r="R9" s="1" t="s">
        <v>12</v>
      </c>
      <c r="S9" s="1" t="s">
        <v>7</v>
      </c>
    </row>
    <row r="10" spans="1:19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113</v>
      </c>
      <c r="S10" s="1" t="s">
        <v>7</v>
      </c>
    </row>
    <row r="11" spans="1:19" x14ac:dyDescent="0.2">
      <c r="A11" s="8" t="s">
        <v>7</v>
      </c>
      <c r="B11" s="8" t="s">
        <v>114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0</v>
      </c>
      <c r="I11" s="8" t="s">
        <v>7</v>
      </c>
      <c r="J11" s="9">
        <v>0</v>
      </c>
      <c r="K11" s="9">
        <v>0</v>
      </c>
      <c r="L11" s="10">
        <v>0</v>
      </c>
      <c r="M11" s="8" t="s">
        <v>7</v>
      </c>
      <c r="N11" s="10">
        <v>0</v>
      </c>
      <c r="O11" s="10">
        <v>0</v>
      </c>
      <c r="P11" s="8" t="s">
        <v>7</v>
      </c>
      <c r="Q11" s="9">
        <v>0</v>
      </c>
      <c r="R11" s="9">
        <v>0</v>
      </c>
      <c r="S11" s="8" t="s">
        <v>7</v>
      </c>
    </row>
    <row r="12" spans="1:19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0</v>
      </c>
      <c r="I12" s="3" t="s">
        <v>7</v>
      </c>
      <c r="J12" s="11">
        <v>0</v>
      </c>
      <c r="K12" s="11">
        <v>0</v>
      </c>
      <c r="L12" s="12">
        <v>0</v>
      </c>
      <c r="M12" s="3" t="s">
        <v>7</v>
      </c>
      <c r="N12" s="12">
        <v>0</v>
      </c>
      <c r="O12" s="12">
        <v>0</v>
      </c>
      <c r="P12" s="3" t="s">
        <v>7</v>
      </c>
      <c r="Q12" s="11">
        <v>0</v>
      </c>
      <c r="R12" s="11">
        <v>0</v>
      </c>
      <c r="S12" s="3" t="s">
        <v>7</v>
      </c>
    </row>
    <row r="13" spans="1:19" x14ac:dyDescent="0.2">
      <c r="A13" s="3" t="s">
        <v>7</v>
      </c>
      <c r="B13" s="3" t="s">
        <v>115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0</v>
      </c>
      <c r="I13" s="3" t="s">
        <v>7</v>
      </c>
      <c r="J13" s="11">
        <v>0</v>
      </c>
      <c r="K13" s="11">
        <v>0</v>
      </c>
      <c r="L13" s="12">
        <v>0</v>
      </c>
      <c r="M13" s="3" t="s">
        <v>7</v>
      </c>
      <c r="N13" s="12">
        <v>0</v>
      </c>
      <c r="O13" s="12">
        <v>0</v>
      </c>
      <c r="P13" s="3" t="s">
        <v>7</v>
      </c>
      <c r="Q13" s="11">
        <v>0</v>
      </c>
      <c r="R13" s="11">
        <v>0</v>
      </c>
      <c r="S13" s="3" t="s">
        <v>7</v>
      </c>
    </row>
    <row r="14" spans="1:19" x14ac:dyDescent="0.2">
      <c r="A14" s="3" t="s">
        <v>7</v>
      </c>
      <c r="B14" s="3" t="s">
        <v>116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12">
        <v>0</v>
      </c>
      <c r="I14" s="3" t="s">
        <v>7</v>
      </c>
      <c r="J14" s="11">
        <v>0</v>
      </c>
      <c r="K14" s="11">
        <v>0</v>
      </c>
      <c r="L14" s="12">
        <v>0</v>
      </c>
      <c r="M14" s="3" t="s">
        <v>7</v>
      </c>
      <c r="N14" s="12">
        <v>0</v>
      </c>
      <c r="O14" s="12">
        <v>0</v>
      </c>
      <c r="P14" s="3" t="s">
        <v>7</v>
      </c>
      <c r="Q14" s="11">
        <v>0</v>
      </c>
      <c r="R14" s="11">
        <v>0</v>
      </c>
      <c r="S14" s="3" t="s">
        <v>7</v>
      </c>
    </row>
    <row r="15" spans="1:19" x14ac:dyDescent="0.2">
      <c r="A15" s="3" t="s">
        <v>7</v>
      </c>
      <c r="B15" s="3" t="s">
        <v>117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0</v>
      </c>
      <c r="I15" s="3" t="s">
        <v>7</v>
      </c>
      <c r="J15" s="11">
        <v>0</v>
      </c>
      <c r="K15" s="11">
        <v>0</v>
      </c>
      <c r="L15" s="12">
        <v>0</v>
      </c>
      <c r="M15" s="3" t="s">
        <v>7</v>
      </c>
      <c r="N15" s="12">
        <v>0</v>
      </c>
      <c r="O15" s="12">
        <v>0</v>
      </c>
      <c r="P15" s="3" t="s">
        <v>7</v>
      </c>
      <c r="Q15" s="11">
        <v>0</v>
      </c>
      <c r="R15" s="11">
        <v>0</v>
      </c>
      <c r="S15" s="3" t="s">
        <v>7</v>
      </c>
    </row>
    <row r="16" spans="1:19" x14ac:dyDescent="0.2">
      <c r="A16" s="3" t="s">
        <v>7</v>
      </c>
      <c r="B16" s="3" t="s">
        <v>92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12">
        <v>0</v>
      </c>
      <c r="I16" s="3" t="s">
        <v>7</v>
      </c>
      <c r="J16" s="11">
        <v>0</v>
      </c>
      <c r="K16" s="11">
        <v>0</v>
      </c>
      <c r="L16" s="12">
        <v>0</v>
      </c>
      <c r="M16" s="3" t="s">
        <v>7</v>
      </c>
      <c r="N16" s="12">
        <v>0</v>
      </c>
      <c r="O16" s="12">
        <v>0</v>
      </c>
      <c r="P16" s="3" t="s">
        <v>7</v>
      </c>
      <c r="Q16" s="11">
        <v>0</v>
      </c>
      <c r="R16" s="11">
        <v>0</v>
      </c>
      <c r="S16" s="3" t="s">
        <v>7</v>
      </c>
    </row>
    <row r="17" spans="1:19" x14ac:dyDescent="0.2">
      <c r="A17" s="3" t="s">
        <v>7</v>
      </c>
      <c r="B17" s="3" t="s">
        <v>118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1">
        <v>0</v>
      </c>
      <c r="K17" s="11">
        <v>0</v>
      </c>
      <c r="L17" s="12">
        <v>0</v>
      </c>
      <c r="M17" s="3" t="s">
        <v>7</v>
      </c>
      <c r="N17" s="12">
        <v>0</v>
      </c>
      <c r="O17" s="12">
        <v>0</v>
      </c>
      <c r="P17" s="3" t="s">
        <v>7</v>
      </c>
      <c r="Q17" s="11">
        <v>0</v>
      </c>
      <c r="R17" s="11">
        <v>0</v>
      </c>
      <c r="S17" s="3" t="s">
        <v>7</v>
      </c>
    </row>
    <row r="18" spans="1:19" x14ac:dyDescent="0.2">
      <c r="A18" s="3" t="s">
        <v>7</v>
      </c>
      <c r="B18" s="3" t="s">
        <v>119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1">
        <v>0</v>
      </c>
      <c r="K18" s="11">
        <v>0</v>
      </c>
      <c r="L18" s="12">
        <v>0</v>
      </c>
      <c r="M18" s="3" t="s">
        <v>7</v>
      </c>
      <c r="N18" s="12">
        <v>0</v>
      </c>
      <c r="O18" s="12">
        <v>0</v>
      </c>
      <c r="P18" s="3" t="s">
        <v>7</v>
      </c>
      <c r="Q18" s="11">
        <v>0</v>
      </c>
      <c r="R18" s="11">
        <v>0</v>
      </c>
      <c r="S18" s="3" t="s">
        <v>7</v>
      </c>
    </row>
    <row r="19" spans="1:19" x14ac:dyDescent="0.2">
      <c r="A19" s="8" t="s">
        <v>7</v>
      </c>
      <c r="B19" s="8" t="s">
        <v>94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  <c r="N19" s="8" t="s">
        <v>7</v>
      </c>
      <c r="O19" s="8" t="s">
        <v>7</v>
      </c>
      <c r="P19" s="8" t="s">
        <v>7</v>
      </c>
      <c r="Q19" s="8" t="s">
        <v>7</v>
      </c>
      <c r="R19" s="8" t="s">
        <v>7</v>
      </c>
      <c r="S19" s="8" t="s">
        <v>7</v>
      </c>
    </row>
    <row r="20" spans="1:19" x14ac:dyDescent="0.2">
      <c r="A20" s="8" t="s">
        <v>7</v>
      </c>
      <c r="B20" s="8" t="s">
        <v>12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</row>
    <row r="21" spans="1:19" x14ac:dyDescent="0.2">
      <c r="A21" s="7" t="s">
        <v>58</v>
      </c>
      <c r="B21" s="7" t="s">
        <v>59</v>
      </c>
    </row>
  </sheetData>
  <pageMargins left="0.7" right="0.7" top="0.75" bottom="0.75" header="0.3" footer="0.3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9"/>
  <sheetViews>
    <sheetView rightToLeft="1" tabSelected="1" workbookViewId="0">
      <selection activeCell="B2" sqref="B2"/>
    </sheetView>
  </sheetViews>
  <sheetFormatPr defaultRowHeight="14.25" x14ac:dyDescent="0.2"/>
  <cols>
    <col min="1" max="1" width="2" customWidth="1"/>
    <col min="2" max="2" width="35" customWidth="1"/>
    <col min="3" max="3" width="11" customWidth="1"/>
    <col min="4" max="4" width="10" customWidth="1"/>
    <col min="5" max="5" width="7" customWidth="1"/>
    <col min="6" max="6" width="9" customWidth="1"/>
    <col min="7" max="7" width="13" customWidth="1"/>
    <col min="8" max="8" width="6" customWidth="1"/>
    <col min="9" max="9" width="10" customWidth="1"/>
    <col min="10" max="10" width="13" customWidth="1"/>
    <col min="11" max="11" width="16" customWidth="1"/>
    <col min="12" max="12" width="10" customWidth="1"/>
    <col min="13" max="13" width="13" customWidth="1"/>
    <col min="14" max="14" width="22" customWidth="1"/>
    <col min="15" max="15" width="24" customWidth="1"/>
    <col min="16" max="16" width="23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517</v>
      </c>
      <c r="C4" s="7">
        <v>152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50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61</v>
      </c>
      <c r="C7" s="1" t="s">
        <v>62</v>
      </c>
      <c r="D7" s="1" t="s">
        <v>123</v>
      </c>
      <c r="E7" s="1" t="s">
        <v>64</v>
      </c>
      <c r="F7" s="1" t="s">
        <v>65</v>
      </c>
      <c r="G7" s="1" t="s">
        <v>98</v>
      </c>
      <c r="H7" s="1" t="s">
        <v>99</v>
      </c>
      <c r="I7" s="1" t="s">
        <v>66</v>
      </c>
      <c r="J7" s="1" t="s">
        <v>67</v>
      </c>
      <c r="K7" s="1" t="s">
        <v>497</v>
      </c>
      <c r="L7" s="1" t="s">
        <v>100</v>
      </c>
      <c r="M7" s="1" t="s">
        <v>498</v>
      </c>
      <c r="N7" s="1" t="s">
        <v>103</v>
      </c>
      <c r="O7" s="1" t="s">
        <v>70</v>
      </c>
      <c r="P7" s="1" t="s">
        <v>104</v>
      </c>
    </row>
    <row r="8" spans="1:16" x14ac:dyDescent="0.2">
      <c r="A8" s="1" t="s">
        <v>7</v>
      </c>
      <c r="B8" s="1" t="s">
        <v>7</v>
      </c>
      <c r="C8" s="1" t="s">
        <v>7</v>
      </c>
      <c r="D8" s="1" t="s">
        <v>7</v>
      </c>
      <c r="E8" s="1" t="s">
        <v>7</v>
      </c>
      <c r="F8" s="1" t="s">
        <v>7</v>
      </c>
      <c r="G8" s="1" t="s">
        <v>134</v>
      </c>
      <c r="H8" s="1" t="s">
        <v>105</v>
      </c>
      <c r="I8" s="1" t="s">
        <v>7</v>
      </c>
      <c r="J8" s="1" t="s">
        <v>12</v>
      </c>
      <c r="K8" s="1" t="s">
        <v>12</v>
      </c>
      <c r="L8" s="1" t="s">
        <v>135</v>
      </c>
      <c r="M8" s="1" t="s">
        <v>11</v>
      </c>
      <c r="N8" s="1" t="s">
        <v>12</v>
      </c>
      <c r="O8" s="1" t="s">
        <v>12</v>
      </c>
      <c r="P8" s="1" t="s">
        <v>12</v>
      </c>
    </row>
    <row r="9" spans="1:16" x14ac:dyDescent="0.2">
      <c r="A9" s="1" t="s">
        <v>7</v>
      </c>
      <c r="B9" s="1" t="s">
        <v>7</v>
      </c>
      <c r="C9" s="1" t="s">
        <v>13</v>
      </c>
      <c r="D9" s="1" t="s">
        <v>14</v>
      </c>
      <c r="E9" s="1" t="s">
        <v>72</v>
      </c>
      <c r="F9" s="1" t="s">
        <v>73</v>
      </c>
      <c r="G9" s="1" t="s">
        <v>74</v>
      </c>
      <c r="H9" s="1" t="s">
        <v>75</v>
      </c>
      <c r="I9" s="1" t="s">
        <v>76</v>
      </c>
      <c r="J9" s="1" t="s">
        <v>77</v>
      </c>
      <c r="K9" s="1" t="s">
        <v>78</v>
      </c>
      <c r="L9" s="1" t="s">
        <v>79</v>
      </c>
      <c r="M9" s="1" t="s">
        <v>108</v>
      </c>
      <c r="N9" s="1" t="s">
        <v>109</v>
      </c>
      <c r="O9" s="1" t="s">
        <v>110</v>
      </c>
      <c r="P9" s="1" t="s">
        <v>111</v>
      </c>
    </row>
    <row r="10" spans="1:16" x14ac:dyDescent="0.2">
      <c r="A10" s="8" t="s">
        <v>7</v>
      </c>
      <c r="B10" s="8" t="s">
        <v>506</v>
      </c>
      <c r="C10" s="8" t="s">
        <v>7</v>
      </c>
      <c r="D10" s="8" t="s">
        <v>7</v>
      </c>
      <c r="E10" s="8" t="s">
        <v>7</v>
      </c>
      <c r="F10" s="8" t="s">
        <v>7</v>
      </c>
      <c r="G10" s="8" t="s">
        <v>7</v>
      </c>
      <c r="H10" s="8" t="s">
        <v>7</v>
      </c>
      <c r="I10" s="8" t="s">
        <v>7</v>
      </c>
      <c r="J10" s="8" t="s">
        <v>7</v>
      </c>
      <c r="K10" s="8" t="s">
        <v>7</v>
      </c>
      <c r="L10" s="8" t="s">
        <v>7</v>
      </c>
      <c r="M10" s="8" t="s">
        <v>7</v>
      </c>
      <c r="N10" s="8" t="s">
        <v>7</v>
      </c>
      <c r="O10" s="8" t="s">
        <v>7</v>
      </c>
      <c r="P10" s="8" t="s">
        <v>7</v>
      </c>
    </row>
    <row r="11" spans="1:16" x14ac:dyDescent="0.2">
      <c r="A11" s="3" t="s">
        <v>7</v>
      </c>
      <c r="B11" s="3" t="s">
        <v>504</v>
      </c>
      <c r="C11" s="3" t="s">
        <v>7</v>
      </c>
      <c r="D11" s="3" t="s">
        <v>7</v>
      </c>
      <c r="E11" s="3" t="s">
        <v>7</v>
      </c>
      <c r="F11" s="3" t="s">
        <v>7</v>
      </c>
      <c r="G11" s="3" t="s">
        <v>7</v>
      </c>
      <c r="H11" s="3" t="s">
        <v>7</v>
      </c>
      <c r="I11" s="3" t="s">
        <v>7</v>
      </c>
      <c r="J11" s="3" t="s">
        <v>7</v>
      </c>
      <c r="K11" s="3" t="s">
        <v>7</v>
      </c>
      <c r="L11" s="3" t="s">
        <v>7</v>
      </c>
      <c r="M11" s="3" t="s">
        <v>7</v>
      </c>
      <c r="N11" s="3" t="s">
        <v>7</v>
      </c>
      <c r="O11" s="3" t="s">
        <v>7</v>
      </c>
      <c r="P11" s="3" t="s">
        <v>7</v>
      </c>
    </row>
    <row r="12" spans="1:16" x14ac:dyDescent="0.2">
      <c r="A12" s="3" t="s">
        <v>7</v>
      </c>
      <c r="B12" s="3" t="s">
        <v>128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3" t="s">
        <v>7</v>
      </c>
      <c r="L12" s="3" t="s">
        <v>7</v>
      </c>
      <c r="M12" s="3" t="s">
        <v>7</v>
      </c>
      <c r="N12" s="3" t="s">
        <v>7</v>
      </c>
      <c r="O12" s="3" t="s">
        <v>7</v>
      </c>
      <c r="P12" s="3" t="s">
        <v>7</v>
      </c>
    </row>
    <row r="13" spans="1:16" x14ac:dyDescent="0.2">
      <c r="A13" s="3" t="s">
        <v>7</v>
      </c>
      <c r="B13" s="3" t="s">
        <v>116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3" t="s">
        <v>7</v>
      </c>
      <c r="L13" s="3" t="s">
        <v>7</v>
      </c>
      <c r="M13" s="3" t="s">
        <v>7</v>
      </c>
      <c r="N13" s="3" t="s">
        <v>7</v>
      </c>
      <c r="O13" s="3" t="s">
        <v>7</v>
      </c>
      <c r="P13" s="3" t="s">
        <v>7</v>
      </c>
    </row>
    <row r="14" spans="1:16" x14ac:dyDescent="0.2">
      <c r="A14" s="3" t="s">
        <v>7</v>
      </c>
      <c r="B14" s="3" t="s">
        <v>473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3" t="s">
        <v>7</v>
      </c>
      <c r="L14" s="3" t="s">
        <v>7</v>
      </c>
      <c r="M14" s="3" t="s">
        <v>7</v>
      </c>
      <c r="N14" s="3" t="s">
        <v>7</v>
      </c>
      <c r="O14" s="3" t="s">
        <v>7</v>
      </c>
      <c r="P14" s="3" t="s">
        <v>7</v>
      </c>
    </row>
    <row r="15" spans="1:16" x14ac:dyDescent="0.2">
      <c r="A15" s="3" t="s">
        <v>7</v>
      </c>
      <c r="B15" s="3" t="s">
        <v>288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3" t="s">
        <v>7</v>
      </c>
      <c r="L15" s="3" t="s">
        <v>7</v>
      </c>
      <c r="M15" s="3" t="s">
        <v>7</v>
      </c>
      <c r="N15" s="3" t="s">
        <v>7</v>
      </c>
      <c r="O15" s="3" t="s">
        <v>7</v>
      </c>
      <c r="P15" s="3" t="s">
        <v>7</v>
      </c>
    </row>
    <row r="16" spans="1:16" x14ac:dyDescent="0.2">
      <c r="A16" s="3" t="s">
        <v>7</v>
      </c>
      <c r="B16" s="3" t="s">
        <v>501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3" t="s">
        <v>7</v>
      </c>
      <c r="L16" s="3" t="s">
        <v>7</v>
      </c>
      <c r="M16" s="3" t="s">
        <v>7</v>
      </c>
      <c r="N16" s="3" t="s">
        <v>7</v>
      </c>
      <c r="O16" s="3" t="s">
        <v>7</v>
      </c>
      <c r="P16" s="3" t="s">
        <v>7</v>
      </c>
    </row>
    <row r="17" spans="1:16" x14ac:dyDescent="0.2">
      <c r="A17" s="3" t="s">
        <v>7</v>
      </c>
      <c r="B17" s="3" t="s">
        <v>13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3" t="s">
        <v>7</v>
      </c>
      <c r="L17" s="3" t="s">
        <v>7</v>
      </c>
      <c r="M17" s="3" t="s">
        <v>7</v>
      </c>
      <c r="N17" s="3" t="s">
        <v>7</v>
      </c>
      <c r="O17" s="3" t="s">
        <v>7</v>
      </c>
      <c r="P17" s="3" t="s">
        <v>7</v>
      </c>
    </row>
    <row r="18" spans="1:16" x14ac:dyDescent="0.2">
      <c r="A18" s="3" t="s">
        <v>7</v>
      </c>
      <c r="B18" s="3" t="s">
        <v>507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  <c r="N18" s="3" t="s">
        <v>7</v>
      </c>
      <c r="O18" s="3" t="s">
        <v>7</v>
      </c>
      <c r="P18" s="3" t="s">
        <v>7</v>
      </c>
    </row>
    <row r="19" spans="1:16" x14ac:dyDescent="0.2">
      <c r="A19" s="7" t="s">
        <v>508</v>
      </c>
      <c r="B19" s="7" t="s">
        <v>59</v>
      </c>
    </row>
  </sheetData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1"/>
  <sheetViews>
    <sheetView rightToLeft="1" topLeftCell="A7" workbookViewId="0"/>
  </sheetViews>
  <sheetFormatPr defaultRowHeight="14.25" x14ac:dyDescent="0.2"/>
  <cols>
    <col min="1" max="1" width="2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8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1:22" x14ac:dyDescent="0.2">
      <c r="B1" s="7" t="s">
        <v>0</v>
      </c>
      <c r="C1" s="7" t="s">
        <v>1</v>
      </c>
    </row>
    <row r="2" spans="1:22" x14ac:dyDescent="0.2">
      <c r="B2" s="7" t="s">
        <v>2</v>
      </c>
      <c r="C2" s="7" t="s">
        <v>3</v>
      </c>
    </row>
    <row r="3" spans="1:22" x14ac:dyDescent="0.2">
      <c r="B3" s="7" t="s">
        <v>4</v>
      </c>
      <c r="C3" s="7" t="s">
        <v>5</v>
      </c>
    </row>
    <row r="4" spans="1:22" x14ac:dyDescent="0.2">
      <c r="B4" s="7" t="s">
        <v>6</v>
      </c>
      <c r="C4" s="7">
        <v>1526</v>
      </c>
    </row>
    <row r="5" spans="1:22" x14ac:dyDescent="0.2">
      <c r="B5" s="7" t="s">
        <v>7</v>
      </c>
      <c r="C5" s="7" t="s">
        <v>7</v>
      </c>
    </row>
    <row r="6" spans="1:22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A7" s="1" t="s">
        <v>7</v>
      </c>
      <c r="B7" s="1" t="s">
        <v>121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2</v>
      </c>
      <c r="F8" s="1" t="s">
        <v>63</v>
      </c>
      <c r="G8" s="1" t="s">
        <v>123</v>
      </c>
      <c r="H8" s="1" t="s">
        <v>64</v>
      </c>
      <c r="I8" s="1" t="s">
        <v>65</v>
      </c>
      <c r="J8" s="1" t="s">
        <v>98</v>
      </c>
      <c r="K8" s="1" t="s">
        <v>99</v>
      </c>
      <c r="L8" s="1" t="s">
        <v>66</v>
      </c>
      <c r="M8" s="1" t="s">
        <v>67</v>
      </c>
      <c r="N8" s="1" t="s">
        <v>68</v>
      </c>
      <c r="O8" s="1" t="s">
        <v>100</v>
      </c>
      <c r="P8" s="1" t="s">
        <v>101</v>
      </c>
      <c r="Q8" s="1" t="s">
        <v>102</v>
      </c>
      <c r="R8" s="1" t="s">
        <v>69</v>
      </c>
      <c r="S8" s="1" t="s">
        <v>103</v>
      </c>
      <c r="T8" s="1" t="s">
        <v>70</v>
      </c>
      <c r="U8" s="1" t="s">
        <v>104</v>
      </c>
      <c r="V8" s="1" t="s">
        <v>7</v>
      </c>
    </row>
    <row r="9" spans="1:2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7</v>
      </c>
      <c r="K9" s="1" t="s">
        <v>105</v>
      </c>
      <c r="L9" s="1" t="s">
        <v>7</v>
      </c>
      <c r="M9" s="1" t="s">
        <v>12</v>
      </c>
      <c r="N9" s="1" t="s">
        <v>12</v>
      </c>
      <c r="O9" s="1" t="s">
        <v>106</v>
      </c>
      <c r="P9" s="1" t="s">
        <v>10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113</v>
      </c>
      <c r="S10" s="1" t="s">
        <v>124</v>
      </c>
      <c r="T10" s="1" t="s">
        <v>125</v>
      </c>
      <c r="U10" s="1" t="s">
        <v>126</v>
      </c>
      <c r="V10" s="1" t="s">
        <v>7</v>
      </c>
    </row>
    <row r="11" spans="1:22" x14ac:dyDescent="0.2">
      <c r="A11" s="8" t="s">
        <v>7</v>
      </c>
      <c r="B11" s="8" t="s">
        <v>127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8" t="s">
        <v>7</v>
      </c>
      <c r="K11" s="10">
        <v>0</v>
      </c>
      <c r="L11" s="8" t="s">
        <v>7</v>
      </c>
      <c r="M11" s="9">
        <v>0</v>
      </c>
      <c r="N11" s="9">
        <v>0</v>
      </c>
      <c r="O11" s="10">
        <v>0</v>
      </c>
      <c r="P11" s="8" t="s">
        <v>7</v>
      </c>
      <c r="Q11" s="10">
        <v>0</v>
      </c>
      <c r="R11" s="10">
        <v>0</v>
      </c>
      <c r="S11" s="8" t="s">
        <v>7</v>
      </c>
      <c r="T11" s="9">
        <v>0</v>
      </c>
      <c r="U11" s="9">
        <v>0</v>
      </c>
      <c r="V11" s="8" t="s">
        <v>7</v>
      </c>
    </row>
    <row r="12" spans="1:22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12">
        <v>0</v>
      </c>
      <c r="L12" s="3" t="s">
        <v>7</v>
      </c>
      <c r="M12" s="11">
        <v>0</v>
      </c>
      <c r="N12" s="11">
        <v>0</v>
      </c>
      <c r="O12" s="12">
        <v>0</v>
      </c>
      <c r="P12" s="3" t="s">
        <v>7</v>
      </c>
      <c r="Q12" s="12">
        <v>0</v>
      </c>
      <c r="R12" s="12">
        <v>0</v>
      </c>
      <c r="S12" s="3" t="s">
        <v>7</v>
      </c>
      <c r="T12" s="11">
        <v>0</v>
      </c>
      <c r="U12" s="11">
        <v>0</v>
      </c>
      <c r="V12" s="3" t="s">
        <v>7</v>
      </c>
    </row>
    <row r="13" spans="1:22" x14ac:dyDescent="0.2">
      <c r="A13" s="3" t="s">
        <v>7</v>
      </c>
      <c r="B13" s="3" t="s">
        <v>12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12">
        <v>0</v>
      </c>
      <c r="L13" s="3" t="s">
        <v>7</v>
      </c>
      <c r="M13" s="11">
        <v>0</v>
      </c>
      <c r="N13" s="11">
        <v>0</v>
      </c>
      <c r="O13" s="12">
        <v>0</v>
      </c>
      <c r="P13" s="3" t="s">
        <v>7</v>
      </c>
      <c r="Q13" s="12">
        <v>0</v>
      </c>
      <c r="R13" s="12">
        <v>0</v>
      </c>
      <c r="S13" s="3" t="s">
        <v>7</v>
      </c>
      <c r="T13" s="11">
        <v>0</v>
      </c>
      <c r="U13" s="11">
        <v>0</v>
      </c>
      <c r="V13" s="3" t="s">
        <v>7</v>
      </c>
    </row>
    <row r="14" spans="1:22" x14ac:dyDescent="0.2">
      <c r="A14" s="3" t="s">
        <v>7</v>
      </c>
      <c r="B14" s="3" t="s">
        <v>116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12">
        <v>0</v>
      </c>
      <c r="L14" s="3" t="s">
        <v>7</v>
      </c>
      <c r="M14" s="11">
        <v>0</v>
      </c>
      <c r="N14" s="11">
        <v>0</v>
      </c>
      <c r="O14" s="12">
        <v>0</v>
      </c>
      <c r="P14" s="3" t="s">
        <v>7</v>
      </c>
      <c r="Q14" s="12">
        <v>0</v>
      </c>
      <c r="R14" s="12">
        <v>0</v>
      </c>
      <c r="S14" s="3" t="s">
        <v>7</v>
      </c>
      <c r="T14" s="11">
        <v>0</v>
      </c>
      <c r="U14" s="11">
        <v>0</v>
      </c>
      <c r="V14" s="3" t="s">
        <v>7</v>
      </c>
    </row>
    <row r="15" spans="1:22" x14ac:dyDescent="0.2">
      <c r="A15" s="3" t="s">
        <v>7</v>
      </c>
      <c r="B15" s="3" t="s">
        <v>12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12">
        <v>0</v>
      </c>
      <c r="L15" s="3" t="s">
        <v>7</v>
      </c>
      <c r="M15" s="11">
        <v>0</v>
      </c>
      <c r="N15" s="11">
        <v>0</v>
      </c>
      <c r="O15" s="12">
        <v>0</v>
      </c>
      <c r="P15" s="3" t="s">
        <v>7</v>
      </c>
      <c r="Q15" s="12">
        <v>0</v>
      </c>
      <c r="R15" s="12">
        <v>0</v>
      </c>
      <c r="S15" s="3" t="s">
        <v>7</v>
      </c>
      <c r="T15" s="11">
        <v>0</v>
      </c>
      <c r="U15" s="11">
        <v>0</v>
      </c>
      <c r="V15" s="3" t="s">
        <v>7</v>
      </c>
    </row>
    <row r="16" spans="1:22" x14ac:dyDescent="0.2">
      <c r="A16" s="3" t="s">
        <v>7</v>
      </c>
      <c r="B16" s="3" t="s">
        <v>130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12">
        <v>0</v>
      </c>
      <c r="L16" s="3" t="s">
        <v>7</v>
      </c>
      <c r="M16" s="11">
        <v>0</v>
      </c>
      <c r="N16" s="11">
        <v>0</v>
      </c>
      <c r="O16" s="12">
        <v>0</v>
      </c>
      <c r="P16" s="3" t="s">
        <v>7</v>
      </c>
      <c r="Q16" s="12">
        <v>0</v>
      </c>
      <c r="R16" s="12">
        <v>0</v>
      </c>
      <c r="S16" s="3" t="s">
        <v>7</v>
      </c>
      <c r="T16" s="11">
        <v>0</v>
      </c>
      <c r="U16" s="11">
        <v>0</v>
      </c>
      <c r="V16" s="3" t="s">
        <v>7</v>
      </c>
    </row>
    <row r="17" spans="1:22" x14ac:dyDescent="0.2">
      <c r="A17" s="3" t="s">
        <v>7</v>
      </c>
      <c r="B17" s="3" t="s">
        <v>131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12">
        <v>0</v>
      </c>
      <c r="L17" s="3" t="s">
        <v>7</v>
      </c>
      <c r="M17" s="11">
        <v>0</v>
      </c>
      <c r="N17" s="11">
        <v>0</v>
      </c>
      <c r="O17" s="12">
        <v>0</v>
      </c>
      <c r="P17" s="3" t="s">
        <v>7</v>
      </c>
      <c r="Q17" s="12">
        <v>0</v>
      </c>
      <c r="R17" s="12">
        <v>0</v>
      </c>
      <c r="S17" s="3" t="s">
        <v>7</v>
      </c>
      <c r="T17" s="11">
        <v>0</v>
      </c>
      <c r="U17" s="11">
        <v>0</v>
      </c>
      <c r="V17" s="3" t="s">
        <v>7</v>
      </c>
    </row>
    <row r="18" spans="1:22" x14ac:dyDescent="0.2">
      <c r="A18" s="3" t="s">
        <v>7</v>
      </c>
      <c r="B18" s="3" t="s">
        <v>132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12">
        <v>0</v>
      </c>
      <c r="L18" s="3" t="s">
        <v>7</v>
      </c>
      <c r="M18" s="11">
        <v>0</v>
      </c>
      <c r="N18" s="11">
        <v>0</v>
      </c>
      <c r="O18" s="12">
        <v>0</v>
      </c>
      <c r="P18" s="3" t="s">
        <v>7</v>
      </c>
      <c r="Q18" s="12">
        <v>0</v>
      </c>
      <c r="R18" s="12">
        <v>0</v>
      </c>
      <c r="S18" s="3" t="s">
        <v>7</v>
      </c>
      <c r="T18" s="11">
        <v>0</v>
      </c>
      <c r="U18" s="11">
        <v>0</v>
      </c>
      <c r="V18" s="3" t="s">
        <v>7</v>
      </c>
    </row>
    <row r="19" spans="1:22" x14ac:dyDescent="0.2">
      <c r="A19" s="8" t="s">
        <v>7</v>
      </c>
      <c r="B19" s="8" t="s">
        <v>94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  <c r="N19" s="8" t="s">
        <v>7</v>
      </c>
      <c r="O19" s="8" t="s">
        <v>7</v>
      </c>
      <c r="P19" s="8" t="s">
        <v>7</v>
      </c>
      <c r="Q19" s="8" t="s">
        <v>7</v>
      </c>
      <c r="R19" s="8" t="s">
        <v>7</v>
      </c>
      <c r="S19" s="8" t="s">
        <v>7</v>
      </c>
      <c r="T19" s="8" t="s">
        <v>7</v>
      </c>
      <c r="U19" s="8" t="s">
        <v>7</v>
      </c>
      <c r="V19" s="8" t="s">
        <v>7</v>
      </c>
    </row>
    <row r="20" spans="1:22" x14ac:dyDescent="0.2">
      <c r="A20" s="8" t="s">
        <v>7</v>
      </c>
      <c r="B20" s="8" t="s">
        <v>12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  <c r="U20" s="8" t="s">
        <v>7</v>
      </c>
      <c r="V20" s="8" t="s">
        <v>7</v>
      </c>
    </row>
    <row r="21" spans="1:22" x14ac:dyDescent="0.2">
      <c r="A21" s="7" t="s">
        <v>58</v>
      </c>
      <c r="B21" s="7" t="s">
        <v>59</v>
      </c>
    </row>
  </sheetData>
  <pageMargins left="0.7" right="0.7" top="0.75" bottom="0.75" header="0.3" footer="0.3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22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5" width="11" customWidth="1"/>
    <col min="6" max="6" width="12" customWidth="1"/>
    <col min="7" max="7" width="10" customWidth="1"/>
    <col min="8" max="8" width="7" customWidth="1"/>
    <col min="9" max="9" width="9" customWidth="1"/>
    <col min="10" max="10" width="13" customWidth="1"/>
    <col min="11" max="11" width="6" customWidth="1"/>
    <col min="12" max="12" width="10" customWidth="1"/>
    <col min="13" max="13" width="13" customWidth="1"/>
    <col min="14" max="14" width="15" customWidth="1"/>
    <col min="15" max="15" width="10" customWidth="1"/>
    <col min="16" max="16" width="6" customWidth="1"/>
    <col min="17" max="17" width="18" customWidth="1"/>
    <col min="18" max="18" width="10" customWidth="1"/>
    <col min="19" max="19" width="22" customWidth="1"/>
    <col min="20" max="20" width="24" customWidth="1"/>
    <col min="21" max="21" width="23" customWidth="1"/>
    <col min="22" max="22" width="2" customWidth="1"/>
  </cols>
  <sheetData>
    <row r="1" spans="1:22" x14ac:dyDescent="0.2">
      <c r="B1" s="7" t="s">
        <v>0</v>
      </c>
      <c r="C1" s="7" t="s">
        <v>1</v>
      </c>
    </row>
    <row r="2" spans="1:22" x14ac:dyDescent="0.2">
      <c r="B2" s="7" t="s">
        <v>2</v>
      </c>
      <c r="C2" s="7" t="s">
        <v>3</v>
      </c>
    </row>
    <row r="3" spans="1:22" x14ac:dyDescent="0.2">
      <c r="B3" s="7" t="s">
        <v>4</v>
      </c>
      <c r="C3" s="7" t="s">
        <v>5</v>
      </c>
    </row>
    <row r="4" spans="1:22" x14ac:dyDescent="0.2">
      <c r="B4" s="7" t="s">
        <v>6</v>
      </c>
      <c r="C4" s="7">
        <v>1526</v>
      </c>
    </row>
    <row r="5" spans="1:22" x14ac:dyDescent="0.2">
      <c r="B5" s="7" t="s">
        <v>7</v>
      </c>
      <c r="C5" s="7" t="s">
        <v>7</v>
      </c>
    </row>
    <row r="6" spans="1:22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  <c r="Q6" s="1" t="s">
        <v>7</v>
      </c>
      <c r="R6" s="1" t="s">
        <v>7</v>
      </c>
      <c r="S6" s="1" t="s">
        <v>7</v>
      </c>
      <c r="T6" s="1" t="s">
        <v>7</v>
      </c>
      <c r="U6" s="1" t="s">
        <v>7</v>
      </c>
      <c r="V6" s="1" t="s">
        <v>7</v>
      </c>
    </row>
    <row r="7" spans="1:22" x14ac:dyDescent="0.2">
      <c r="A7" s="1" t="s">
        <v>7</v>
      </c>
      <c r="B7" s="1" t="s">
        <v>133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  <c r="Q7" s="1" t="s">
        <v>7</v>
      </c>
      <c r="R7" s="1" t="s">
        <v>7</v>
      </c>
      <c r="S7" s="1" t="s">
        <v>7</v>
      </c>
      <c r="T7" s="1" t="s">
        <v>7</v>
      </c>
      <c r="U7" s="1" t="s">
        <v>7</v>
      </c>
      <c r="V7" s="1" t="s">
        <v>7</v>
      </c>
    </row>
    <row r="8" spans="1:22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2</v>
      </c>
      <c r="F8" s="1" t="s">
        <v>63</v>
      </c>
      <c r="G8" s="1" t="s">
        <v>123</v>
      </c>
      <c r="H8" s="1" t="s">
        <v>64</v>
      </c>
      <c r="I8" s="1" t="s">
        <v>65</v>
      </c>
      <c r="J8" s="1" t="s">
        <v>98</v>
      </c>
      <c r="K8" s="1" t="s">
        <v>99</v>
      </c>
      <c r="L8" s="1" t="s">
        <v>66</v>
      </c>
      <c r="M8" s="1" t="s">
        <v>67</v>
      </c>
      <c r="N8" s="1" t="s">
        <v>68</v>
      </c>
      <c r="O8" s="1" t="s">
        <v>100</v>
      </c>
      <c r="P8" s="1" t="s">
        <v>101</v>
      </c>
      <c r="Q8" s="1" t="s">
        <v>102</v>
      </c>
      <c r="R8" s="1" t="s">
        <v>69</v>
      </c>
      <c r="S8" s="1" t="s">
        <v>103</v>
      </c>
      <c r="T8" s="1" t="s">
        <v>70</v>
      </c>
      <c r="U8" s="1" t="s">
        <v>104</v>
      </c>
      <c r="V8" s="1" t="s">
        <v>7</v>
      </c>
    </row>
    <row r="9" spans="1:22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34</v>
      </c>
      <c r="K9" s="1" t="s">
        <v>105</v>
      </c>
      <c r="L9" s="1" t="s">
        <v>7</v>
      </c>
      <c r="M9" s="1" t="s">
        <v>12</v>
      </c>
      <c r="N9" s="1" t="s">
        <v>12</v>
      </c>
      <c r="O9" s="1" t="s">
        <v>135</v>
      </c>
      <c r="P9" s="1" t="s">
        <v>7</v>
      </c>
      <c r="Q9" s="1" t="s">
        <v>11</v>
      </c>
      <c r="R9" s="1" t="s">
        <v>11</v>
      </c>
      <c r="S9" s="1" t="s">
        <v>12</v>
      </c>
      <c r="T9" s="1" t="s">
        <v>12</v>
      </c>
      <c r="U9" s="1" t="s">
        <v>12</v>
      </c>
      <c r="V9" s="1" t="s">
        <v>7</v>
      </c>
    </row>
    <row r="10" spans="1:22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111</v>
      </c>
      <c r="Q10" s="1" t="s">
        <v>112</v>
      </c>
      <c r="R10" s="1" t="s">
        <v>113</v>
      </c>
      <c r="S10" s="1" t="s">
        <v>124</v>
      </c>
      <c r="T10" s="1" t="s">
        <v>125</v>
      </c>
      <c r="U10" s="1" t="s">
        <v>126</v>
      </c>
      <c r="V10" s="1" t="s">
        <v>7</v>
      </c>
    </row>
    <row r="11" spans="1:22" x14ac:dyDescent="0.2">
      <c r="A11" s="8" t="s">
        <v>7</v>
      </c>
      <c r="B11" s="8" t="s">
        <v>136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8" t="s">
        <v>7</v>
      </c>
      <c r="K11" s="10">
        <v>0</v>
      </c>
      <c r="L11" s="8" t="s">
        <v>7</v>
      </c>
      <c r="M11" s="9">
        <v>0</v>
      </c>
      <c r="N11" s="9">
        <v>0</v>
      </c>
      <c r="O11" s="10">
        <v>0</v>
      </c>
      <c r="P11" s="8" t="s">
        <v>7</v>
      </c>
      <c r="Q11" s="10">
        <v>0</v>
      </c>
      <c r="R11" s="10">
        <v>0</v>
      </c>
      <c r="S11" s="8" t="s">
        <v>7</v>
      </c>
      <c r="T11" s="9">
        <v>0</v>
      </c>
      <c r="U11" s="9">
        <v>0</v>
      </c>
      <c r="V11" s="8" t="s">
        <v>7</v>
      </c>
    </row>
    <row r="12" spans="1:22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3" t="s">
        <v>7</v>
      </c>
      <c r="K12" s="12">
        <v>0</v>
      </c>
      <c r="L12" s="3" t="s">
        <v>7</v>
      </c>
      <c r="M12" s="11">
        <v>0</v>
      </c>
      <c r="N12" s="11">
        <v>0</v>
      </c>
      <c r="O12" s="12">
        <v>0</v>
      </c>
      <c r="P12" s="3" t="s">
        <v>7</v>
      </c>
      <c r="Q12" s="12">
        <v>0</v>
      </c>
      <c r="R12" s="12">
        <v>0</v>
      </c>
      <c r="S12" s="3" t="s">
        <v>7</v>
      </c>
      <c r="T12" s="11">
        <v>0</v>
      </c>
      <c r="U12" s="11">
        <v>0</v>
      </c>
      <c r="V12" s="3" t="s">
        <v>7</v>
      </c>
    </row>
    <row r="13" spans="1:22" x14ac:dyDescent="0.2">
      <c r="A13" s="3" t="s">
        <v>7</v>
      </c>
      <c r="B13" s="3" t="s">
        <v>128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12">
        <v>0</v>
      </c>
      <c r="L13" s="3" t="s">
        <v>7</v>
      </c>
      <c r="M13" s="11">
        <v>0</v>
      </c>
      <c r="N13" s="11">
        <v>0</v>
      </c>
      <c r="O13" s="12">
        <v>0</v>
      </c>
      <c r="P13" s="3" t="s">
        <v>7</v>
      </c>
      <c r="Q13" s="12">
        <v>0</v>
      </c>
      <c r="R13" s="12">
        <v>0</v>
      </c>
      <c r="S13" s="3" t="s">
        <v>7</v>
      </c>
      <c r="T13" s="11">
        <v>0</v>
      </c>
      <c r="U13" s="11">
        <v>0</v>
      </c>
      <c r="V13" s="3" t="s">
        <v>7</v>
      </c>
    </row>
    <row r="14" spans="1:22" x14ac:dyDescent="0.2">
      <c r="A14" s="3" t="s">
        <v>7</v>
      </c>
      <c r="B14" s="3" t="s">
        <v>116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3" t="s">
        <v>7</v>
      </c>
      <c r="K14" s="12">
        <v>0</v>
      </c>
      <c r="L14" s="3" t="s">
        <v>7</v>
      </c>
      <c r="M14" s="11">
        <v>0</v>
      </c>
      <c r="N14" s="11">
        <v>0</v>
      </c>
      <c r="O14" s="12">
        <v>0</v>
      </c>
      <c r="P14" s="3" t="s">
        <v>7</v>
      </c>
      <c r="Q14" s="12">
        <v>0</v>
      </c>
      <c r="R14" s="12">
        <v>0</v>
      </c>
      <c r="S14" s="3" t="s">
        <v>7</v>
      </c>
      <c r="T14" s="11">
        <v>0</v>
      </c>
      <c r="U14" s="11">
        <v>0</v>
      </c>
      <c r="V14" s="3" t="s">
        <v>7</v>
      </c>
    </row>
    <row r="15" spans="1:22" x14ac:dyDescent="0.2">
      <c r="A15" s="3" t="s">
        <v>7</v>
      </c>
      <c r="B15" s="3" t="s">
        <v>129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3" t="s">
        <v>7</v>
      </c>
      <c r="K15" s="12">
        <v>0</v>
      </c>
      <c r="L15" s="3" t="s">
        <v>7</v>
      </c>
      <c r="M15" s="11">
        <v>0</v>
      </c>
      <c r="N15" s="11">
        <v>0</v>
      </c>
      <c r="O15" s="12">
        <v>0</v>
      </c>
      <c r="P15" s="3" t="s">
        <v>7</v>
      </c>
      <c r="Q15" s="12">
        <v>0</v>
      </c>
      <c r="R15" s="12">
        <v>0</v>
      </c>
      <c r="S15" s="3" t="s">
        <v>7</v>
      </c>
      <c r="T15" s="11">
        <v>0</v>
      </c>
      <c r="U15" s="11">
        <v>0</v>
      </c>
      <c r="V15" s="3" t="s">
        <v>7</v>
      </c>
    </row>
    <row r="16" spans="1:22" x14ac:dyDescent="0.2">
      <c r="A16" s="3" t="s">
        <v>7</v>
      </c>
      <c r="B16" s="3" t="s">
        <v>137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3" t="s">
        <v>7</v>
      </c>
      <c r="K16" s="12">
        <v>0</v>
      </c>
      <c r="L16" s="3" t="s">
        <v>7</v>
      </c>
      <c r="M16" s="11">
        <v>0</v>
      </c>
      <c r="N16" s="11">
        <v>0</v>
      </c>
      <c r="O16" s="12">
        <v>0</v>
      </c>
      <c r="P16" s="3" t="s">
        <v>7</v>
      </c>
      <c r="Q16" s="12">
        <v>0</v>
      </c>
      <c r="R16" s="12">
        <v>0</v>
      </c>
      <c r="S16" s="3" t="s">
        <v>7</v>
      </c>
      <c r="T16" s="11">
        <v>0</v>
      </c>
      <c r="U16" s="11">
        <v>0</v>
      </c>
      <c r="V16" s="3" t="s">
        <v>7</v>
      </c>
    </row>
    <row r="17" spans="1:22" x14ac:dyDescent="0.2">
      <c r="A17" s="3" t="s">
        <v>7</v>
      </c>
      <c r="B17" s="3" t="s">
        <v>92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3" t="s">
        <v>7</v>
      </c>
      <c r="K17" s="12">
        <v>0</v>
      </c>
      <c r="L17" s="3" t="s">
        <v>7</v>
      </c>
      <c r="M17" s="11">
        <v>0</v>
      </c>
      <c r="N17" s="11">
        <v>0</v>
      </c>
      <c r="O17" s="12">
        <v>0</v>
      </c>
      <c r="P17" s="3" t="s">
        <v>7</v>
      </c>
      <c r="Q17" s="12">
        <v>0</v>
      </c>
      <c r="R17" s="12">
        <v>0</v>
      </c>
      <c r="S17" s="3" t="s">
        <v>7</v>
      </c>
      <c r="T17" s="11">
        <v>0</v>
      </c>
      <c r="U17" s="11">
        <v>0</v>
      </c>
      <c r="V17" s="3" t="s">
        <v>7</v>
      </c>
    </row>
    <row r="18" spans="1:22" x14ac:dyDescent="0.2">
      <c r="A18" s="3" t="s">
        <v>7</v>
      </c>
      <c r="B18" s="3" t="s">
        <v>131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12">
        <v>0</v>
      </c>
      <c r="L18" s="3" t="s">
        <v>7</v>
      </c>
      <c r="M18" s="11">
        <v>0</v>
      </c>
      <c r="N18" s="11">
        <v>0</v>
      </c>
      <c r="O18" s="12">
        <v>0</v>
      </c>
      <c r="P18" s="3" t="s">
        <v>7</v>
      </c>
      <c r="Q18" s="12">
        <v>0</v>
      </c>
      <c r="R18" s="12">
        <v>0</v>
      </c>
      <c r="S18" s="3" t="s">
        <v>7</v>
      </c>
      <c r="T18" s="11">
        <v>0</v>
      </c>
      <c r="U18" s="11">
        <v>0</v>
      </c>
      <c r="V18" s="3" t="s">
        <v>7</v>
      </c>
    </row>
    <row r="19" spans="1:22" x14ac:dyDescent="0.2">
      <c r="A19" s="3" t="s">
        <v>7</v>
      </c>
      <c r="B19" s="3" t="s">
        <v>130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3" t="s">
        <v>7</v>
      </c>
      <c r="K19" s="12">
        <v>0</v>
      </c>
      <c r="L19" s="3" t="s">
        <v>7</v>
      </c>
      <c r="M19" s="11">
        <v>0</v>
      </c>
      <c r="N19" s="11">
        <v>0</v>
      </c>
      <c r="O19" s="12">
        <v>0</v>
      </c>
      <c r="P19" s="3" t="s">
        <v>7</v>
      </c>
      <c r="Q19" s="12">
        <v>0</v>
      </c>
      <c r="R19" s="12">
        <v>0</v>
      </c>
      <c r="S19" s="3" t="s">
        <v>7</v>
      </c>
      <c r="T19" s="11">
        <v>0</v>
      </c>
      <c r="U19" s="11">
        <v>0</v>
      </c>
      <c r="V19" s="3" t="s">
        <v>7</v>
      </c>
    </row>
    <row r="20" spans="1:22" x14ac:dyDescent="0.2">
      <c r="A20" s="8" t="s">
        <v>7</v>
      </c>
      <c r="B20" s="8" t="s">
        <v>94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  <c r="N20" s="8" t="s">
        <v>7</v>
      </c>
      <c r="O20" s="8" t="s">
        <v>7</v>
      </c>
      <c r="P20" s="8" t="s">
        <v>7</v>
      </c>
      <c r="Q20" s="8" t="s">
        <v>7</v>
      </c>
      <c r="R20" s="8" t="s">
        <v>7</v>
      </c>
      <c r="S20" s="8" t="s">
        <v>7</v>
      </c>
      <c r="T20" s="8" t="s">
        <v>7</v>
      </c>
      <c r="U20" s="8" t="s">
        <v>7</v>
      </c>
      <c r="V20" s="8" t="s">
        <v>7</v>
      </c>
    </row>
    <row r="21" spans="1:22" x14ac:dyDescent="0.2">
      <c r="A21" s="8" t="s">
        <v>7</v>
      </c>
      <c r="B21" s="8" t="s">
        <v>120</v>
      </c>
      <c r="C21" s="8" t="s">
        <v>7</v>
      </c>
      <c r="D21" s="8" t="s">
        <v>7</v>
      </c>
      <c r="E21" s="8" t="s">
        <v>7</v>
      </c>
      <c r="F21" s="8" t="s">
        <v>7</v>
      </c>
      <c r="G21" s="8" t="s">
        <v>7</v>
      </c>
      <c r="H21" s="8" t="s">
        <v>7</v>
      </c>
      <c r="I21" s="8" t="s">
        <v>7</v>
      </c>
      <c r="J21" s="8" t="s">
        <v>7</v>
      </c>
      <c r="K21" s="8" t="s">
        <v>7</v>
      </c>
      <c r="L21" s="8" t="s">
        <v>7</v>
      </c>
      <c r="M21" s="8" t="s">
        <v>7</v>
      </c>
      <c r="N21" s="8" t="s">
        <v>7</v>
      </c>
      <c r="O21" s="8" t="s">
        <v>7</v>
      </c>
      <c r="P21" s="8" t="s">
        <v>7</v>
      </c>
      <c r="Q21" s="8" t="s">
        <v>7</v>
      </c>
      <c r="R21" s="8" t="s">
        <v>7</v>
      </c>
      <c r="S21" s="8" t="s">
        <v>7</v>
      </c>
      <c r="T21" s="8" t="s">
        <v>7</v>
      </c>
      <c r="U21" s="8" t="s">
        <v>7</v>
      </c>
      <c r="V21" s="8" t="s">
        <v>7</v>
      </c>
    </row>
    <row r="22" spans="1:22" x14ac:dyDescent="0.2">
      <c r="A22" s="7" t="s">
        <v>58</v>
      </c>
      <c r="B22" s="7" t="s">
        <v>59</v>
      </c>
    </row>
  </sheetData>
  <pageMargins left="0.7" right="0.7" top="0.75" bottom="0.75" header="0.3" footer="0.3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88"/>
  <sheetViews>
    <sheetView rightToLeft="1" topLeftCell="A67" zoomScale="85" zoomScaleNormal="85" workbookViewId="0">
      <selection activeCell="B16" sqref="B16"/>
    </sheetView>
  </sheetViews>
  <sheetFormatPr defaultRowHeight="14.25" x14ac:dyDescent="0.2"/>
  <cols>
    <col min="1" max="1" width="2" customWidth="1"/>
    <col min="2" max="2" width="34" customWidth="1"/>
    <col min="3" max="3" width="15" customWidth="1"/>
    <col min="4" max="5" width="11" customWidth="1"/>
    <col min="6" max="6" width="12" customWidth="1"/>
    <col min="7" max="7" width="42" customWidth="1"/>
    <col min="8" max="8" width="16" customWidth="1"/>
    <col min="9" max="10" width="12" customWidth="1"/>
    <col min="11" max="11" width="14" customWidth="1"/>
    <col min="12" max="12" width="10" customWidth="1"/>
    <col min="13" max="13" width="22" customWidth="1"/>
    <col min="14" max="14" width="24" customWidth="1"/>
    <col min="15" max="15" width="23" customWidth="1"/>
    <col min="16" max="16" width="11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52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138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1:16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2</v>
      </c>
      <c r="F8" s="1" t="s">
        <v>63</v>
      </c>
      <c r="G8" s="1" t="s">
        <v>123</v>
      </c>
      <c r="H8" s="1" t="s">
        <v>66</v>
      </c>
      <c r="I8" s="1" t="s">
        <v>100</v>
      </c>
      <c r="J8" s="1" t="s">
        <v>101</v>
      </c>
      <c r="K8" s="1" t="s">
        <v>139</v>
      </c>
      <c r="L8" s="1" t="s">
        <v>69</v>
      </c>
      <c r="M8" s="1" t="s">
        <v>103</v>
      </c>
      <c r="N8" s="1" t="s">
        <v>70</v>
      </c>
      <c r="O8" s="1" t="s">
        <v>104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106</v>
      </c>
      <c r="J9" s="1" t="s">
        <v>107</v>
      </c>
      <c r="K9" s="1" t="s">
        <v>11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1:16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7</v>
      </c>
    </row>
    <row r="11" spans="1:16" x14ac:dyDescent="0.2">
      <c r="A11" s="8" t="s">
        <v>7</v>
      </c>
      <c r="B11" s="8" t="s">
        <v>140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10">
        <v>197363.6</v>
      </c>
      <c r="J11" s="8" t="s">
        <v>7</v>
      </c>
      <c r="K11" s="10">
        <v>2.75</v>
      </c>
      <c r="L11" s="10">
        <v>5481.23</v>
      </c>
      <c r="M11" s="8" t="s">
        <v>7</v>
      </c>
      <c r="N11" s="9">
        <v>1</v>
      </c>
      <c r="O11" s="9">
        <v>0.26529999999999998</v>
      </c>
      <c r="P11" s="8" t="s">
        <v>7</v>
      </c>
    </row>
    <row r="12" spans="1:16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12">
        <v>183802.6</v>
      </c>
      <c r="J12" s="3" t="s">
        <v>7</v>
      </c>
      <c r="K12" s="12">
        <v>2.41</v>
      </c>
      <c r="L12" s="12">
        <v>2373.71</v>
      </c>
      <c r="M12" s="3" t="s">
        <v>7</v>
      </c>
      <c r="N12" s="11">
        <v>0.43309999999999998</v>
      </c>
      <c r="O12" s="11">
        <v>0.1149</v>
      </c>
      <c r="P12" s="3" t="s">
        <v>7</v>
      </c>
    </row>
    <row r="13" spans="1:16" x14ac:dyDescent="0.2">
      <c r="A13" s="3" t="s">
        <v>7</v>
      </c>
      <c r="B13" s="3" t="s">
        <v>14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12">
        <v>70758.460000000006</v>
      </c>
      <c r="J13" s="3" t="s">
        <v>7</v>
      </c>
      <c r="K13" s="12">
        <v>0.94</v>
      </c>
      <c r="L13" s="12">
        <v>1646.25</v>
      </c>
      <c r="M13" s="3" t="s">
        <v>7</v>
      </c>
      <c r="N13" s="17">
        <v>0.30030000000000001</v>
      </c>
      <c r="O13" s="17">
        <v>7.9699999999999993E-2</v>
      </c>
      <c r="P13" s="3" t="s">
        <v>7</v>
      </c>
    </row>
    <row r="14" spans="1:16" x14ac:dyDescent="0.2">
      <c r="A14" s="13" t="s">
        <v>7</v>
      </c>
      <c r="B14" s="13" t="s">
        <v>142</v>
      </c>
      <c r="C14" s="14">
        <v>1091065</v>
      </c>
      <c r="D14" s="13" t="s">
        <v>143</v>
      </c>
      <c r="E14" s="13" t="s">
        <v>7</v>
      </c>
      <c r="F14" s="14">
        <v>511527202</v>
      </c>
      <c r="G14" s="13" t="s">
        <v>144</v>
      </c>
      <c r="H14" s="13" t="s">
        <v>85</v>
      </c>
      <c r="I14" s="16">
        <v>500</v>
      </c>
      <c r="J14" s="16">
        <v>6069</v>
      </c>
      <c r="K14" s="16">
        <v>0</v>
      </c>
      <c r="L14" s="16">
        <v>30.34</v>
      </c>
      <c r="M14" s="15">
        <v>0</v>
      </c>
      <c r="N14" s="15">
        <v>5.4999999999999997E-3</v>
      </c>
      <c r="O14" s="15">
        <v>1.5E-3</v>
      </c>
      <c r="P14" s="13" t="s">
        <v>7</v>
      </c>
    </row>
    <row r="15" spans="1:16" x14ac:dyDescent="0.2">
      <c r="A15" s="13" t="s">
        <v>7</v>
      </c>
      <c r="B15" s="13" t="s">
        <v>145</v>
      </c>
      <c r="C15" s="14">
        <v>1081124</v>
      </c>
      <c r="D15" s="13" t="s">
        <v>143</v>
      </c>
      <c r="E15" s="13" t="s">
        <v>7</v>
      </c>
      <c r="F15" s="14">
        <v>520043027</v>
      </c>
      <c r="G15" s="13" t="s">
        <v>146</v>
      </c>
      <c r="H15" s="13" t="s">
        <v>85</v>
      </c>
      <c r="I15" s="16">
        <v>136</v>
      </c>
      <c r="J15" s="16">
        <v>47270</v>
      </c>
      <c r="K15" s="16">
        <v>0</v>
      </c>
      <c r="L15" s="16">
        <v>64.290000000000006</v>
      </c>
      <c r="M15" s="15">
        <v>0</v>
      </c>
      <c r="N15" s="15">
        <v>1.17E-2</v>
      </c>
      <c r="O15" s="15">
        <v>3.0999999999999999E-3</v>
      </c>
      <c r="P15" s="13" t="s">
        <v>7</v>
      </c>
    </row>
    <row r="16" spans="1:16" x14ac:dyDescent="0.2">
      <c r="A16" s="13" t="s">
        <v>7</v>
      </c>
      <c r="B16" s="13" t="s">
        <v>515</v>
      </c>
      <c r="C16" s="14">
        <v>1123355</v>
      </c>
      <c r="D16" s="13" t="s">
        <v>143</v>
      </c>
      <c r="E16" s="13" t="s">
        <v>7</v>
      </c>
      <c r="F16" s="14">
        <v>513901371</v>
      </c>
      <c r="G16" s="13" t="s">
        <v>147</v>
      </c>
      <c r="H16" s="13" t="s">
        <v>85</v>
      </c>
      <c r="I16" s="16">
        <v>10311</v>
      </c>
      <c r="J16" s="16">
        <v>1265</v>
      </c>
      <c r="K16" s="16">
        <v>0.41</v>
      </c>
      <c r="L16" s="16">
        <v>130.85</v>
      </c>
      <c r="M16" s="15">
        <v>0</v>
      </c>
      <c r="N16" s="15">
        <v>2.3900000000000001E-2</v>
      </c>
      <c r="O16" s="15">
        <v>6.3E-3</v>
      </c>
      <c r="P16" s="13" t="s">
        <v>7</v>
      </c>
    </row>
    <row r="17" spans="1:16" x14ac:dyDescent="0.2">
      <c r="A17" s="13" t="s">
        <v>7</v>
      </c>
      <c r="B17" s="13" t="s">
        <v>148</v>
      </c>
      <c r="C17" s="14">
        <v>273011</v>
      </c>
      <c r="D17" s="13" t="s">
        <v>143</v>
      </c>
      <c r="E17" s="13" t="s">
        <v>7</v>
      </c>
      <c r="F17" s="14">
        <v>520036872</v>
      </c>
      <c r="G17" s="13" t="s">
        <v>149</v>
      </c>
      <c r="H17" s="13" t="s">
        <v>85</v>
      </c>
      <c r="I17" s="16">
        <v>153</v>
      </c>
      <c r="J17" s="16">
        <v>72200</v>
      </c>
      <c r="K17" s="16">
        <v>0</v>
      </c>
      <c r="L17" s="16">
        <v>110.47</v>
      </c>
      <c r="M17" s="15">
        <v>0</v>
      </c>
      <c r="N17" s="15">
        <v>2.01E-2</v>
      </c>
      <c r="O17" s="15">
        <v>5.3E-3</v>
      </c>
      <c r="P17" s="13" t="s">
        <v>7</v>
      </c>
    </row>
    <row r="18" spans="1:16" x14ac:dyDescent="0.2">
      <c r="A18" s="13" t="s">
        <v>7</v>
      </c>
      <c r="B18" s="13" t="s">
        <v>150</v>
      </c>
      <c r="C18" s="14">
        <v>1097278</v>
      </c>
      <c r="D18" s="13" t="s">
        <v>143</v>
      </c>
      <c r="E18" s="13" t="s">
        <v>7</v>
      </c>
      <c r="F18" s="14">
        <v>520026683</v>
      </c>
      <c r="G18" s="13" t="s">
        <v>151</v>
      </c>
      <c r="H18" s="13" t="s">
        <v>85</v>
      </c>
      <c r="I18" s="16">
        <v>1682</v>
      </c>
      <c r="J18" s="16">
        <v>1786</v>
      </c>
      <c r="K18" s="16">
        <v>0</v>
      </c>
      <c r="L18" s="16">
        <v>30.04</v>
      </c>
      <c r="M18" s="15">
        <v>0</v>
      </c>
      <c r="N18" s="15">
        <v>5.4999999999999997E-3</v>
      </c>
      <c r="O18" s="15">
        <v>1.4E-3</v>
      </c>
      <c r="P18" s="13" t="s">
        <v>7</v>
      </c>
    </row>
    <row r="19" spans="1:16" x14ac:dyDescent="0.2">
      <c r="A19" s="13" t="s">
        <v>7</v>
      </c>
      <c r="B19" s="13" t="s">
        <v>152</v>
      </c>
      <c r="C19" s="14">
        <v>226019</v>
      </c>
      <c r="D19" s="13" t="s">
        <v>143</v>
      </c>
      <c r="E19" s="13" t="s">
        <v>7</v>
      </c>
      <c r="F19" s="14">
        <v>520024126</v>
      </c>
      <c r="G19" s="13" t="s">
        <v>151</v>
      </c>
      <c r="H19" s="13" t="s">
        <v>85</v>
      </c>
      <c r="I19" s="16">
        <v>7760.46</v>
      </c>
      <c r="J19" s="16">
        <v>821.2</v>
      </c>
      <c r="K19" s="16">
        <v>0.52</v>
      </c>
      <c r="L19" s="16">
        <v>64.25</v>
      </c>
      <c r="M19" s="15">
        <v>0</v>
      </c>
      <c r="N19" s="15">
        <v>1.17E-2</v>
      </c>
      <c r="O19" s="15">
        <v>3.0999999999999999E-3</v>
      </c>
      <c r="P19" s="13" t="s">
        <v>7</v>
      </c>
    </row>
    <row r="20" spans="1:16" x14ac:dyDescent="0.2">
      <c r="A20" s="13" t="s">
        <v>7</v>
      </c>
      <c r="B20" s="13" t="s">
        <v>153</v>
      </c>
      <c r="C20" s="14">
        <v>323014</v>
      </c>
      <c r="D20" s="13" t="s">
        <v>143</v>
      </c>
      <c r="E20" s="13" t="s">
        <v>7</v>
      </c>
      <c r="F20" s="14">
        <v>520037789</v>
      </c>
      <c r="G20" s="13" t="s">
        <v>151</v>
      </c>
      <c r="H20" s="13" t="s">
        <v>85</v>
      </c>
      <c r="I20" s="16">
        <v>332</v>
      </c>
      <c r="J20" s="16">
        <v>18630</v>
      </c>
      <c r="K20" s="16">
        <v>0</v>
      </c>
      <c r="L20" s="16">
        <v>61.85</v>
      </c>
      <c r="M20" s="15">
        <v>0</v>
      </c>
      <c r="N20" s="15">
        <v>1.1299999999999999E-2</v>
      </c>
      <c r="O20" s="15">
        <v>3.0000000000000001E-3</v>
      </c>
      <c r="P20" s="13" t="s">
        <v>7</v>
      </c>
    </row>
    <row r="21" spans="1:16" x14ac:dyDescent="0.2">
      <c r="A21" s="13" t="s">
        <v>7</v>
      </c>
      <c r="B21" s="13" t="s">
        <v>154</v>
      </c>
      <c r="C21" s="14">
        <v>1119478</v>
      </c>
      <c r="D21" s="13" t="s">
        <v>143</v>
      </c>
      <c r="E21" s="13" t="s">
        <v>7</v>
      </c>
      <c r="F21" s="14">
        <v>510960719</v>
      </c>
      <c r="G21" s="13" t="s">
        <v>151</v>
      </c>
      <c r="H21" s="13" t="s">
        <v>85</v>
      </c>
      <c r="I21" s="16">
        <v>316</v>
      </c>
      <c r="J21" s="16">
        <v>20610</v>
      </c>
      <c r="K21" s="16">
        <v>0</v>
      </c>
      <c r="L21" s="16">
        <v>65.13</v>
      </c>
      <c r="M21" s="15">
        <v>0</v>
      </c>
      <c r="N21" s="15">
        <v>1.1900000000000001E-2</v>
      </c>
      <c r="O21" s="15">
        <v>3.0999999999999999E-3</v>
      </c>
      <c r="P21" s="13" t="s">
        <v>7</v>
      </c>
    </row>
    <row r="22" spans="1:16" x14ac:dyDescent="0.2">
      <c r="A22" s="13" t="s">
        <v>7</v>
      </c>
      <c r="B22" s="13" t="s">
        <v>155</v>
      </c>
      <c r="C22" s="14">
        <v>739037</v>
      </c>
      <c r="D22" s="13" t="s">
        <v>143</v>
      </c>
      <c r="E22" s="13" t="s">
        <v>7</v>
      </c>
      <c r="F22" s="14">
        <v>520028911</v>
      </c>
      <c r="G22" s="13" t="s">
        <v>156</v>
      </c>
      <c r="H22" s="13" t="s">
        <v>85</v>
      </c>
      <c r="I22" s="16">
        <v>18</v>
      </c>
      <c r="J22" s="16">
        <v>174000</v>
      </c>
      <c r="K22" s="16">
        <v>0</v>
      </c>
      <c r="L22" s="16">
        <v>31.32</v>
      </c>
      <c r="M22" s="15">
        <v>0</v>
      </c>
      <c r="N22" s="15">
        <v>5.7000000000000002E-3</v>
      </c>
      <c r="O22" s="15">
        <v>1.5E-3</v>
      </c>
      <c r="P22" s="13" t="s">
        <v>7</v>
      </c>
    </row>
    <row r="23" spans="1:16" x14ac:dyDescent="0.2">
      <c r="A23" s="13" t="s">
        <v>7</v>
      </c>
      <c r="B23" s="13" t="s">
        <v>157</v>
      </c>
      <c r="C23" s="14">
        <v>777037</v>
      </c>
      <c r="D23" s="13" t="s">
        <v>143</v>
      </c>
      <c r="E23" s="13" t="s">
        <v>7</v>
      </c>
      <c r="F23" s="14">
        <v>520022732</v>
      </c>
      <c r="G23" s="13" t="s">
        <v>158</v>
      </c>
      <c r="H23" s="13" t="s">
        <v>85</v>
      </c>
      <c r="I23" s="16">
        <v>2350</v>
      </c>
      <c r="J23" s="16">
        <v>2748</v>
      </c>
      <c r="K23" s="16">
        <v>0</v>
      </c>
      <c r="L23" s="16">
        <v>64.58</v>
      </c>
      <c r="M23" s="15">
        <v>0</v>
      </c>
      <c r="N23" s="15">
        <v>1.18E-2</v>
      </c>
      <c r="O23" s="15">
        <v>3.0999999999999999E-3</v>
      </c>
      <c r="P23" s="13" t="s">
        <v>7</v>
      </c>
    </row>
    <row r="24" spans="1:16" x14ac:dyDescent="0.2">
      <c r="A24" s="13" t="s">
        <v>7</v>
      </c>
      <c r="B24" s="13" t="s">
        <v>159</v>
      </c>
      <c r="C24" s="14">
        <v>230011</v>
      </c>
      <c r="D24" s="13" t="s">
        <v>143</v>
      </c>
      <c r="E24" s="13" t="s">
        <v>7</v>
      </c>
      <c r="F24" s="14">
        <v>520031931</v>
      </c>
      <c r="G24" s="13" t="s">
        <v>160</v>
      </c>
      <c r="H24" s="13" t="s">
        <v>85</v>
      </c>
      <c r="I24" s="16">
        <v>6131</v>
      </c>
      <c r="J24" s="16">
        <v>357.1</v>
      </c>
      <c r="K24" s="16">
        <v>0</v>
      </c>
      <c r="L24" s="16">
        <v>21.89</v>
      </c>
      <c r="M24" s="15">
        <v>0</v>
      </c>
      <c r="N24" s="15">
        <v>4.0000000000000001E-3</v>
      </c>
      <c r="O24" s="15">
        <v>1.1000000000000001E-3</v>
      </c>
      <c r="P24" s="13" t="s">
        <v>7</v>
      </c>
    </row>
    <row r="25" spans="1:16" x14ac:dyDescent="0.2">
      <c r="A25" s="13" t="s">
        <v>7</v>
      </c>
      <c r="B25" s="13" t="s">
        <v>161</v>
      </c>
      <c r="C25" s="14">
        <v>691212</v>
      </c>
      <c r="D25" s="13" t="s">
        <v>143</v>
      </c>
      <c r="E25" s="13" t="s">
        <v>7</v>
      </c>
      <c r="F25" s="14">
        <v>520007030</v>
      </c>
      <c r="G25" s="13" t="s">
        <v>162</v>
      </c>
      <c r="H25" s="13" t="s">
        <v>85</v>
      </c>
      <c r="I25" s="16">
        <v>16163</v>
      </c>
      <c r="J25" s="16">
        <v>1389</v>
      </c>
      <c r="K25" s="16">
        <v>0</v>
      </c>
      <c r="L25" s="16">
        <v>224.5</v>
      </c>
      <c r="M25" s="15">
        <v>0</v>
      </c>
      <c r="N25" s="15">
        <v>4.1000000000000002E-2</v>
      </c>
      <c r="O25" s="15">
        <v>1.09E-2</v>
      </c>
      <c r="P25" s="13" t="s">
        <v>7</v>
      </c>
    </row>
    <row r="26" spans="1:16" x14ac:dyDescent="0.2">
      <c r="A26" s="13" t="s">
        <v>7</v>
      </c>
      <c r="B26" s="13" t="s">
        <v>163</v>
      </c>
      <c r="C26" s="14">
        <v>604611</v>
      </c>
      <c r="D26" s="13" t="s">
        <v>143</v>
      </c>
      <c r="E26" s="13" t="s">
        <v>7</v>
      </c>
      <c r="F26" s="14">
        <v>520018078</v>
      </c>
      <c r="G26" s="13" t="s">
        <v>162</v>
      </c>
      <c r="H26" s="13" t="s">
        <v>85</v>
      </c>
      <c r="I26" s="16">
        <v>11312</v>
      </c>
      <c r="J26" s="16">
        <v>2200</v>
      </c>
      <c r="K26" s="16">
        <v>0</v>
      </c>
      <c r="L26" s="16">
        <v>248.86</v>
      </c>
      <c r="M26" s="15">
        <v>0</v>
      </c>
      <c r="N26" s="15">
        <v>4.5400000000000003E-2</v>
      </c>
      <c r="O26" s="15">
        <v>1.2E-2</v>
      </c>
      <c r="P26" s="13" t="s">
        <v>7</v>
      </c>
    </row>
    <row r="27" spans="1:16" x14ac:dyDescent="0.2">
      <c r="A27" s="13" t="s">
        <v>7</v>
      </c>
      <c r="B27" s="13" t="s">
        <v>164</v>
      </c>
      <c r="C27" s="14">
        <v>695437</v>
      </c>
      <c r="D27" s="13" t="s">
        <v>143</v>
      </c>
      <c r="E27" s="13" t="s">
        <v>7</v>
      </c>
      <c r="F27" s="14">
        <v>520000522</v>
      </c>
      <c r="G27" s="13" t="s">
        <v>162</v>
      </c>
      <c r="H27" s="13" t="s">
        <v>85</v>
      </c>
      <c r="I27" s="16">
        <v>2283</v>
      </c>
      <c r="J27" s="16">
        <v>8714</v>
      </c>
      <c r="K27" s="16">
        <v>0</v>
      </c>
      <c r="L27" s="16">
        <v>198.94</v>
      </c>
      <c r="M27" s="15">
        <v>0</v>
      </c>
      <c r="N27" s="15">
        <v>3.6299999999999999E-2</v>
      </c>
      <c r="O27" s="15">
        <v>9.5999999999999992E-3</v>
      </c>
      <c r="P27" s="13" t="s">
        <v>7</v>
      </c>
    </row>
    <row r="28" spans="1:16" x14ac:dyDescent="0.2">
      <c r="A28" s="13" t="s">
        <v>7</v>
      </c>
      <c r="B28" s="13" t="s">
        <v>165</v>
      </c>
      <c r="C28" s="14">
        <v>662577</v>
      </c>
      <c r="D28" s="13" t="s">
        <v>143</v>
      </c>
      <c r="E28" s="13" t="s">
        <v>7</v>
      </c>
      <c r="F28" s="14">
        <v>520000118</v>
      </c>
      <c r="G28" s="13" t="s">
        <v>162</v>
      </c>
      <c r="H28" s="13" t="s">
        <v>85</v>
      </c>
      <c r="I28" s="16">
        <v>9789</v>
      </c>
      <c r="J28" s="16">
        <v>2598</v>
      </c>
      <c r="K28" s="16">
        <v>0</v>
      </c>
      <c r="L28" s="16">
        <v>254.32</v>
      </c>
      <c r="M28" s="15">
        <v>0</v>
      </c>
      <c r="N28" s="15">
        <v>4.6399999999999997E-2</v>
      </c>
      <c r="O28" s="15">
        <v>1.23E-2</v>
      </c>
      <c r="P28" s="13" t="s">
        <v>7</v>
      </c>
    </row>
    <row r="29" spans="1:16" x14ac:dyDescent="0.2">
      <c r="A29" s="13" t="s">
        <v>7</v>
      </c>
      <c r="B29" s="13" t="s">
        <v>166</v>
      </c>
      <c r="C29" s="14">
        <v>767012</v>
      </c>
      <c r="D29" s="13" t="s">
        <v>143</v>
      </c>
      <c r="E29" s="13" t="s">
        <v>7</v>
      </c>
      <c r="F29" s="14">
        <v>520017450</v>
      </c>
      <c r="G29" s="13" t="s">
        <v>167</v>
      </c>
      <c r="H29" s="13" t="s">
        <v>85</v>
      </c>
      <c r="I29" s="16">
        <v>1522</v>
      </c>
      <c r="J29" s="16">
        <v>2931</v>
      </c>
      <c r="K29" s="16">
        <v>0</v>
      </c>
      <c r="L29" s="16">
        <v>44.61</v>
      </c>
      <c r="M29" s="15">
        <v>0</v>
      </c>
      <c r="N29" s="15">
        <v>8.0999999999999996E-3</v>
      </c>
      <c r="O29" s="15">
        <v>2.2000000000000001E-3</v>
      </c>
      <c r="P29" s="13" t="s">
        <v>7</v>
      </c>
    </row>
    <row r="30" spans="1:16" x14ac:dyDescent="0.2">
      <c r="A30" s="3" t="s">
        <v>7</v>
      </c>
      <c r="B30" s="3" t="s">
        <v>168</v>
      </c>
      <c r="C30" s="3" t="s">
        <v>7</v>
      </c>
      <c r="D30" s="3" t="s">
        <v>7</v>
      </c>
      <c r="E30" s="3" t="s">
        <v>7</v>
      </c>
      <c r="F30" s="3" t="s">
        <v>7</v>
      </c>
      <c r="G30" s="3" t="s">
        <v>7</v>
      </c>
      <c r="H30" s="3" t="s">
        <v>7</v>
      </c>
      <c r="I30" s="12">
        <v>104776.14</v>
      </c>
      <c r="J30" s="3" t="s">
        <v>7</v>
      </c>
      <c r="K30" s="12">
        <v>1.48</v>
      </c>
      <c r="L30" s="12">
        <v>591.9</v>
      </c>
      <c r="M30" s="3" t="s">
        <v>7</v>
      </c>
      <c r="N30" s="11">
        <v>0.108</v>
      </c>
      <c r="O30" s="11">
        <v>2.86E-2</v>
      </c>
      <c r="P30" s="3" t="s">
        <v>7</v>
      </c>
    </row>
    <row r="31" spans="1:16" x14ac:dyDescent="0.2">
      <c r="A31" s="13" t="s">
        <v>7</v>
      </c>
      <c r="B31" s="13" t="s">
        <v>169</v>
      </c>
      <c r="C31" s="14">
        <v>720011</v>
      </c>
      <c r="D31" s="13" t="s">
        <v>143</v>
      </c>
      <c r="E31" s="13" t="s">
        <v>7</v>
      </c>
      <c r="F31" s="14">
        <v>520041146</v>
      </c>
      <c r="G31" s="13" t="s">
        <v>147</v>
      </c>
      <c r="H31" s="13" t="s">
        <v>85</v>
      </c>
      <c r="I31" s="16">
        <v>27591</v>
      </c>
      <c r="J31" s="16">
        <v>626</v>
      </c>
      <c r="K31" s="16">
        <v>0</v>
      </c>
      <c r="L31" s="16">
        <v>172.72</v>
      </c>
      <c r="M31" s="15">
        <v>0</v>
      </c>
      <c r="N31" s="15">
        <v>3.15E-2</v>
      </c>
      <c r="O31" s="15">
        <v>8.3999999999999995E-3</v>
      </c>
      <c r="P31" s="13" t="s">
        <v>7</v>
      </c>
    </row>
    <row r="32" spans="1:16" x14ac:dyDescent="0.2">
      <c r="A32" s="13" t="s">
        <v>7</v>
      </c>
      <c r="B32" s="13" t="s">
        <v>170</v>
      </c>
      <c r="C32" s="14">
        <v>161018</v>
      </c>
      <c r="D32" s="13" t="s">
        <v>143</v>
      </c>
      <c r="E32" s="13" t="s">
        <v>7</v>
      </c>
      <c r="F32" s="14">
        <v>520034695</v>
      </c>
      <c r="G32" s="13" t="s">
        <v>171</v>
      </c>
      <c r="H32" s="13" t="s">
        <v>85</v>
      </c>
      <c r="I32" s="16">
        <v>47</v>
      </c>
      <c r="J32" s="16">
        <v>43520</v>
      </c>
      <c r="K32" s="16">
        <v>0.14000000000000001</v>
      </c>
      <c r="L32" s="16">
        <v>20.59</v>
      </c>
      <c r="M32" s="15">
        <v>0</v>
      </c>
      <c r="N32" s="15">
        <v>3.8E-3</v>
      </c>
      <c r="O32" s="15">
        <v>1E-3</v>
      </c>
      <c r="P32" s="13" t="s">
        <v>7</v>
      </c>
    </row>
    <row r="33" spans="1:16" x14ac:dyDescent="0.2">
      <c r="A33" s="13" t="s">
        <v>7</v>
      </c>
      <c r="B33" s="13" t="s">
        <v>172</v>
      </c>
      <c r="C33" s="14">
        <v>445015</v>
      </c>
      <c r="D33" s="13" t="s">
        <v>143</v>
      </c>
      <c r="E33" s="13" t="s">
        <v>7</v>
      </c>
      <c r="F33" s="14">
        <v>520039413</v>
      </c>
      <c r="G33" s="13" t="s">
        <v>171</v>
      </c>
      <c r="H33" s="13" t="s">
        <v>85</v>
      </c>
      <c r="I33" s="16">
        <v>436</v>
      </c>
      <c r="J33" s="16">
        <v>8002</v>
      </c>
      <c r="K33" s="16">
        <v>0</v>
      </c>
      <c r="L33" s="16">
        <v>34.89</v>
      </c>
      <c r="M33" s="15">
        <v>0</v>
      </c>
      <c r="N33" s="15">
        <v>6.4000000000000003E-3</v>
      </c>
      <c r="O33" s="15">
        <v>1.6999999999999999E-3</v>
      </c>
      <c r="P33" s="13" t="s">
        <v>7</v>
      </c>
    </row>
    <row r="34" spans="1:16" x14ac:dyDescent="0.2">
      <c r="A34" s="13" t="s">
        <v>7</v>
      </c>
      <c r="B34" s="13" t="s">
        <v>173</v>
      </c>
      <c r="C34" s="14">
        <v>256016</v>
      </c>
      <c r="D34" s="13" t="s">
        <v>143</v>
      </c>
      <c r="E34" s="13" t="s">
        <v>7</v>
      </c>
      <c r="F34" s="14">
        <v>520036690</v>
      </c>
      <c r="G34" s="13" t="s">
        <v>171</v>
      </c>
      <c r="H34" s="13" t="s">
        <v>85</v>
      </c>
      <c r="I34" s="16">
        <v>72</v>
      </c>
      <c r="J34" s="16">
        <v>29490</v>
      </c>
      <c r="K34" s="16">
        <v>0</v>
      </c>
      <c r="L34" s="16">
        <v>21.23</v>
      </c>
      <c r="M34" s="15">
        <v>0</v>
      </c>
      <c r="N34" s="15">
        <v>3.8999999999999998E-3</v>
      </c>
      <c r="O34" s="15">
        <v>1E-3</v>
      </c>
      <c r="P34" s="13" t="s">
        <v>7</v>
      </c>
    </row>
    <row r="35" spans="1:16" x14ac:dyDescent="0.2">
      <c r="A35" s="13" t="s">
        <v>7</v>
      </c>
      <c r="B35" s="13" t="s">
        <v>174</v>
      </c>
      <c r="C35" s="14">
        <v>1090315</v>
      </c>
      <c r="D35" s="13" t="s">
        <v>143</v>
      </c>
      <c r="E35" s="13" t="s">
        <v>7</v>
      </c>
      <c r="F35" s="14">
        <v>511399388</v>
      </c>
      <c r="G35" s="13" t="s">
        <v>175</v>
      </c>
      <c r="H35" s="13" t="s">
        <v>85</v>
      </c>
      <c r="I35" s="16">
        <v>214</v>
      </c>
      <c r="J35" s="16">
        <v>18280</v>
      </c>
      <c r="K35" s="16">
        <v>0</v>
      </c>
      <c r="L35" s="16">
        <v>39.119999999999997</v>
      </c>
      <c r="M35" s="15">
        <v>0</v>
      </c>
      <c r="N35" s="15">
        <v>7.1000000000000004E-3</v>
      </c>
      <c r="O35" s="15">
        <v>1.9E-3</v>
      </c>
      <c r="P35" s="13" t="s">
        <v>7</v>
      </c>
    </row>
    <row r="36" spans="1:16" x14ac:dyDescent="0.2">
      <c r="A36" s="13" t="s">
        <v>7</v>
      </c>
      <c r="B36" s="13" t="s">
        <v>176</v>
      </c>
      <c r="C36" s="14">
        <v>434019</v>
      </c>
      <c r="D36" s="13" t="s">
        <v>143</v>
      </c>
      <c r="E36" s="13" t="s">
        <v>7</v>
      </c>
      <c r="F36" s="14">
        <v>520039298</v>
      </c>
      <c r="G36" s="13" t="s">
        <v>175</v>
      </c>
      <c r="H36" s="13" t="s">
        <v>85</v>
      </c>
      <c r="I36" s="16">
        <v>3500</v>
      </c>
      <c r="J36" s="16">
        <v>950</v>
      </c>
      <c r="K36" s="16">
        <v>0</v>
      </c>
      <c r="L36" s="16">
        <v>33.25</v>
      </c>
      <c r="M36" s="15">
        <v>0</v>
      </c>
      <c r="N36" s="15">
        <v>6.1000000000000004E-3</v>
      </c>
      <c r="O36" s="15">
        <v>1.6000000000000001E-3</v>
      </c>
      <c r="P36" s="13" t="s">
        <v>7</v>
      </c>
    </row>
    <row r="37" spans="1:16" x14ac:dyDescent="0.2">
      <c r="A37" s="13" t="s">
        <v>7</v>
      </c>
      <c r="B37" s="13" t="s">
        <v>177</v>
      </c>
      <c r="C37" s="14">
        <v>1140573</v>
      </c>
      <c r="D37" s="13" t="s">
        <v>143</v>
      </c>
      <c r="E37" s="13" t="s">
        <v>7</v>
      </c>
      <c r="F37" s="14">
        <v>515327120</v>
      </c>
      <c r="G37" s="13" t="s">
        <v>151</v>
      </c>
      <c r="H37" s="13" t="s">
        <v>85</v>
      </c>
      <c r="I37" s="16">
        <v>24500</v>
      </c>
      <c r="J37" s="16">
        <v>181.5</v>
      </c>
      <c r="K37" s="16">
        <v>1.17</v>
      </c>
      <c r="L37" s="16">
        <v>45.64</v>
      </c>
      <c r="M37" s="15">
        <v>0</v>
      </c>
      <c r="N37" s="15">
        <v>8.3000000000000001E-3</v>
      </c>
      <c r="O37" s="15">
        <v>2.2000000000000001E-3</v>
      </c>
      <c r="P37" s="13" t="s">
        <v>7</v>
      </c>
    </row>
    <row r="38" spans="1:16" x14ac:dyDescent="0.2">
      <c r="A38" s="13" t="s">
        <v>7</v>
      </c>
      <c r="B38" s="13" t="s">
        <v>178</v>
      </c>
      <c r="C38" s="14">
        <v>1159037</v>
      </c>
      <c r="D38" s="13" t="s">
        <v>143</v>
      </c>
      <c r="E38" s="13" t="s">
        <v>7</v>
      </c>
      <c r="F38" s="14">
        <v>1775</v>
      </c>
      <c r="G38" s="13" t="s">
        <v>179</v>
      </c>
      <c r="H38" s="13" t="s">
        <v>85</v>
      </c>
      <c r="I38" s="16">
        <v>1175</v>
      </c>
      <c r="J38" s="16">
        <v>2130</v>
      </c>
      <c r="K38" s="16">
        <v>0</v>
      </c>
      <c r="L38" s="16">
        <v>25.03</v>
      </c>
      <c r="M38" s="15">
        <v>0</v>
      </c>
      <c r="N38" s="15">
        <v>4.5999999999999999E-3</v>
      </c>
      <c r="O38" s="15">
        <v>1.1999999999999999E-3</v>
      </c>
      <c r="P38" s="13" t="s">
        <v>7</v>
      </c>
    </row>
    <row r="39" spans="1:16" x14ac:dyDescent="0.2">
      <c r="A39" s="13" t="s">
        <v>7</v>
      </c>
      <c r="B39" s="13" t="s">
        <v>180</v>
      </c>
      <c r="C39" s="14">
        <v>1157403</v>
      </c>
      <c r="D39" s="13" t="s">
        <v>143</v>
      </c>
      <c r="E39" s="13" t="s">
        <v>7</v>
      </c>
      <c r="F39" s="14">
        <v>1773</v>
      </c>
      <c r="G39" s="13" t="s">
        <v>179</v>
      </c>
      <c r="H39" s="13" t="s">
        <v>85</v>
      </c>
      <c r="I39" s="16">
        <v>3089.14</v>
      </c>
      <c r="J39" s="16">
        <v>1148</v>
      </c>
      <c r="K39" s="16">
        <v>0</v>
      </c>
      <c r="L39" s="16">
        <v>35.46</v>
      </c>
      <c r="M39" s="15">
        <v>0</v>
      </c>
      <c r="N39" s="15">
        <v>6.4999999999999997E-3</v>
      </c>
      <c r="O39" s="15">
        <v>1.6999999999999999E-3</v>
      </c>
      <c r="P39" s="13" t="s">
        <v>7</v>
      </c>
    </row>
    <row r="40" spans="1:16" x14ac:dyDescent="0.2">
      <c r="A40" s="13" t="s">
        <v>7</v>
      </c>
      <c r="B40" s="13" t="s">
        <v>181</v>
      </c>
      <c r="C40" s="14">
        <v>1134139</v>
      </c>
      <c r="D40" s="13" t="s">
        <v>143</v>
      </c>
      <c r="E40" s="13" t="s">
        <v>7</v>
      </c>
      <c r="F40" s="14">
        <v>201406588</v>
      </c>
      <c r="G40" s="13" t="s">
        <v>156</v>
      </c>
      <c r="H40" s="13" t="s">
        <v>85</v>
      </c>
      <c r="I40" s="16">
        <v>302</v>
      </c>
      <c r="J40" s="16">
        <v>10150</v>
      </c>
      <c r="K40" s="16">
        <v>0</v>
      </c>
      <c r="L40" s="16">
        <v>30.65</v>
      </c>
      <c r="M40" s="15">
        <v>0</v>
      </c>
      <c r="N40" s="15">
        <v>5.5999999999999999E-3</v>
      </c>
      <c r="O40" s="15">
        <v>1.5E-3</v>
      </c>
      <c r="P40" s="13" t="s">
        <v>7</v>
      </c>
    </row>
    <row r="41" spans="1:16" x14ac:dyDescent="0.2">
      <c r="A41" s="13" t="s">
        <v>7</v>
      </c>
      <c r="B41" s="13" t="s">
        <v>182</v>
      </c>
      <c r="C41" s="14">
        <v>1156926</v>
      </c>
      <c r="D41" s="13" t="s">
        <v>143</v>
      </c>
      <c r="E41" s="13" t="s">
        <v>7</v>
      </c>
      <c r="F41" s="14">
        <v>1769</v>
      </c>
      <c r="G41" s="13" t="s">
        <v>183</v>
      </c>
      <c r="H41" s="13" t="s">
        <v>85</v>
      </c>
      <c r="I41" s="16">
        <v>41382</v>
      </c>
      <c r="J41" s="16">
        <v>114.1</v>
      </c>
      <c r="K41" s="16">
        <v>0</v>
      </c>
      <c r="L41" s="16">
        <v>47.22</v>
      </c>
      <c r="M41" s="15">
        <v>0</v>
      </c>
      <c r="N41" s="15">
        <v>8.6E-3</v>
      </c>
      <c r="O41" s="15">
        <v>2.3E-3</v>
      </c>
      <c r="P41" s="13" t="s">
        <v>7</v>
      </c>
    </row>
    <row r="42" spans="1:16" x14ac:dyDescent="0.2">
      <c r="A42" s="13" t="s">
        <v>7</v>
      </c>
      <c r="B42" s="13" t="s">
        <v>184</v>
      </c>
      <c r="C42" s="14">
        <v>1087022</v>
      </c>
      <c r="D42" s="13" t="s">
        <v>143</v>
      </c>
      <c r="E42" s="13" t="s">
        <v>7</v>
      </c>
      <c r="F42" s="14">
        <v>512157603</v>
      </c>
      <c r="G42" s="13" t="s">
        <v>185</v>
      </c>
      <c r="H42" s="13" t="s">
        <v>85</v>
      </c>
      <c r="I42" s="16">
        <v>124</v>
      </c>
      <c r="J42" s="16">
        <v>38090</v>
      </c>
      <c r="K42" s="16">
        <v>0</v>
      </c>
      <c r="L42" s="16">
        <v>47.23</v>
      </c>
      <c r="M42" s="15">
        <v>0</v>
      </c>
      <c r="N42" s="15">
        <v>8.6E-3</v>
      </c>
      <c r="O42" s="15">
        <v>2.3E-3</v>
      </c>
      <c r="P42" s="13" t="s">
        <v>7</v>
      </c>
    </row>
    <row r="43" spans="1:16" x14ac:dyDescent="0.2">
      <c r="A43" s="13" t="s">
        <v>7</v>
      </c>
      <c r="B43" s="13" t="s">
        <v>186</v>
      </c>
      <c r="C43" s="14">
        <v>1132356</v>
      </c>
      <c r="D43" s="13" t="s">
        <v>143</v>
      </c>
      <c r="E43" s="13" t="s">
        <v>7</v>
      </c>
      <c r="F43" s="14">
        <v>515001659</v>
      </c>
      <c r="G43" s="13" t="s">
        <v>187</v>
      </c>
      <c r="H43" s="13" t="s">
        <v>85</v>
      </c>
      <c r="I43" s="16">
        <v>2344</v>
      </c>
      <c r="J43" s="16">
        <v>1651</v>
      </c>
      <c r="K43" s="16">
        <v>0.16</v>
      </c>
      <c r="L43" s="16">
        <v>38.86</v>
      </c>
      <c r="M43" s="15">
        <v>0</v>
      </c>
      <c r="N43" s="15">
        <v>7.1000000000000004E-3</v>
      </c>
      <c r="O43" s="15">
        <v>1.9E-3</v>
      </c>
      <c r="P43" s="13" t="s">
        <v>7</v>
      </c>
    </row>
    <row r="44" spans="1:16" x14ac:dyDescent="0.2">
      <c r="A44" s="3" t="s">
        <v>7</v>
      </c>
      <c r="B44" s="3" t="s">
        <v>188</v>
      </c>
      <c r="C44" s="3" t="s">
        <v>7</v>
      </c>
      <c r="D44" s="3" t="s">
        <v>7</v>
      </c>
      <c r="E44" s="3" t="s">
        <v>7</v>
      </c>
      <c r="F44" s="3" t="s">
        <v>7</v>
      </c>
      <c r="G44" s="3" t="s">
        <v>7</v>
      </c>
      <c r="H44" s="3" t="s">
        <v>7</v>
      </c>
      <c r="I44" s="12">
        <v>8268</v>
      </c>
      <c r="J44" s="3" t="s">
        <v>7</v>
      </c>
      <c r="K44" s="12">
        <v>0</v>
      </c>
      <c r="L44" s="12">
        <v>135.56</v>
      </c>
      <c r="M44" s="3" t="s">
        <v>7</v>
      </c>
      <c r="N44" s="11">
        <v>2.47E-2</v>
      </c>
      <c r="O44" s="11">
        <v>6.6000000000000017E-3</v>
      </c>
      <c r="P44" s="3" t="s">
        <v>7</v>
      </c>
    </row>
    <row r="45" spans="1:16" x14ac:dyDescent="0.2">
      <c r="A45" s="13" t="s">
        <v>7</v>
      </c>
      <c r="B45" s="13" t="s">
        <v>195</v>
      </c>
      <c r="C45" s="14">
        <v>699017</v>
      </c>
      <c r="D45" s="13" t="s">
        <v>143</v>
      </c>
      <c r="E45" s="13" t="s">
        <v>7</v>
      </c>
      <c r="F45" s="14">
        <v>520025438</v>
      </c>
      <c r="G45" s="13" t="s">
        <v>151</v>
      </c>
      <c r="H45" s="13" t="s">
        <v>85</v>
      </c>
      <c r="I45" s="16">
        <v>53</v>
      </c>
      <c r="J45" s="16">
        <v>30820</v>
      </c>
      <c r="K45" s="16">
        <v>0</v>
      </c>
      <c r="L45" s="16">
        <v>16.329999999999998</v>
      </c>
      <c r="M45" s="15">
        <v>0</v>
      </c>
      <c r="N45" s="15">
        <v>3.0000000000000001E-3</v>
      </c>
      <c r="O45" s="15">
        <v>8.0000000000000004E-4</v>
      </c>
      <c r="P45" s="13" t="s">
        <v>7</v>
      </c>
    </row>
    <row r="46" spans="1:16" x14ac:dyDescent="0.2">
      <c r="A46" s="13" t="s">
        <v>7</v>
      </c>
      <c r="B46" s="13" t="s">
        <v>196</v>
      </c>
      <c r="C46" s="14">
        <v>1141464</v>
      </c>
      <c r="D46" s="13" t="s">
        <v>143</v>
      </c>
      <c r="E46" s="13" t="s">
        <v>7</v>
      </c>
      <c r="F46" s="14">
        <v>1692</v>
      </c>
      <c r="G46" s="13" t="s">
        <v>179</v>
      </c>
      <c r="H46" s="13" t="s">
        <v>85</v>
      </c>
      <c r="I46" s="16">
        <v>8000</v>
      </c>
      <c r="J46" s="16">
        <v>1300</v>
      </c>
      <c r="K46" s="16">
        <v>0</v>
      </c>
      <c r="L46" s="16">
        <v>104</v>
      </c>
      <c r="M46" s="15">
        <v>1E-4</v>
      </c>
      <c r="N46" s="15">
        <v>1.9E-2</v>
      </c>
      <c r="O46" s="15">
        <v>5.0000000000000001E-3</v>
      </c>
      <c r="P46" s="13" t="s">
        <v>7</v>
      </c>
    </row>
    <row r="47" spans="1:16" x14ac:dyDescent="0.2">
      <c r="A47" s="13" t="s">
        <v>7</v>
      </c>
      <c r="B47" s="13" t="s">
        <v>197</v>
      </c>
      <c r="C47" s="14">
        <v>1081561</v>
      </c>
      <c r="D47" s="13" t="s">
        <v>143</v>
      </c>
      <c r="E47" s="13" t="s">
        <v>7</v>
      </c>
      <c r="F47" s="14">
        <v>520043480</v>
      </c>
      <c r="G47" s="13" t="s">
        <v>187</v>
      </c>
      <c r="H47" s="13" t="s">
        <v>85</v>
      </c>
      <c r="I47" s="16">
        <v>215</v>
      </c>
      <c r="J47" s="16">
        <v>7080</v>
      </c>
      <c r="K47" s="16">
        <v>0</v>
      </c>
      <c r="L47" s="16">
        <v>15.22</v>
      </c>
      <c r="M47" s="15">
        <v>0</v>
      </c>
      <c r="N47" s="15">
        <v>2.8E-3</v>
      </c>
      <c r="O47" s="15">
        <v>6.9999999999999999E-4</v>
      </c>
      <c r="P47" s="13" t="s">
        <v>7</v>
      </c>
    </row>
    <row r="48" spans="1:16" x14ac:dyDescent="0.2">
      <c r="A48" s="3" t="s">
        <v>7</v>
      </c>
      <c r="B48" s="3" t="s">
        <v>198</v>
      </c>
      <c r="C48" s="3" t="s">
        <v>7</v>
      </c>
      <c r="D48" s="3" t="s">
        <v>7</v>
      </c>
      <c r="E48" s="3" t="s">
        <v>7</v>
      </c>
      <c r="F48" s="3" t="s">
        <v>7</v>
      </c>
      <c r="G48" s="3" t="s">
        <v>7</v>
      </c>
      <c r="H48" s="3" t="s">
        <v>7</v>
      </c>
      <c r="I48" s="12">
        <v>0</v>
      </c>
      <c r="J48" s="3" t="s">
        <v>7</v>
      </c>
      <c r="K48" s="12">
        <v>0</v>
      </c>
      <c r="L48" s="12">
        <v>0</v>
      </c>
      <c r="M48" s="3" t="s">
        <v>7</v>
      </c>
      <c r="N48" s="11">
        <v>0</v>
      </c>
      <c r="O48" s="11">
        <v>0</v>
      </c>
      <c r="P48" s="3" t="s">
        <v>7</v>
      </c>
    </row>
    <row r="49" spans="1:16" x14ac:dyDescent="0.2">
      <c r="A49" s="3" t="s">
        <v>7</v>
      </c>
      <c r="B49" s="3" t="s">
        <v>199</v>
      </c>
      <c r="C49" s="3" t="s">
        <v>7</v>
      </c>
      <c r="D49" s="3" t="s">
        <v>7</v>
      </c>
      <c r="E49" s="3" t="s">
        <v>7</v>
      </c>
      <c r="F49" s="3" t="s">
        <v>7</v>
      </c>
      <c r="G49" s="3" t="s">
        <v>7</v>
      </c>
      <c r="H49" s="3" t="s">
        <v>7</v>
      </c>
      <c r="I49" s="3" t="s">
        <v>7</v>
      </c>
      <c r="J49" s="3" t="s">
        <v>7</v>
      </c>
      <c r="K49" s="3" t="s">
        <v>7</v>
      </c>
      <c r="L49" s="3" t="s">
        <v>7</v>
      </c>
      <c r="M49" s="3" t="s">
        <v>7</v>
      </c>
      <c r="N49" s="3" t="s">
        <v>7</v>
      </c>
      <c r="O49" s="3" t="s">
        <v>7</v>
      </c>
      <c r="P49" s="3" t="s">
        <v>7</v>
      </c>
    </row>
    <row r="50" spans="1:16" x14ac:dyDescent="0.2">
      <c r="A50" s="3" t="s">
        <v>7</v>
      </c>
      <c r="B50" s="3" t="s">
        <v>200</v>
      </c>
      <c r="C50" s="3" t="s">
        <v>7</v>
      </c>
      <c r="D50" s="3" t="s">
        <v>7</v>
      </c>
      <c r="E50" s="3" t="s">
        <v>7</v>
      </c>
      <c r="F50" s="3" t="s">
        <v>7</v>
      </c>
      <c r="G50" s="3" t="s">
        <v>7</v>
      </c>
      <c r="H50" s="3" t="s">
        <v>7</v>
      </c>
      <c r="I50" s="3" t="s">
        <v>7</v>
      </c>
      <c r="J50" s="3" t="s">
        <v>7</v>
      </c>
      <c r="K50" s="3" t="s">
        <v>7</v>
      </c>
      <c r="L50" s="3" t="s">
        <v>7</v>
      </c>
      <c r="M50" s="3" t="s">
        <v>7</v>
      </c>
      <c r="N50" s="3" t="s">
        <v>7</v>
      </c>
      <c r="O50" s="3" t="s">
        <v>7</v>
      </c>
      <c r="P50" s="3" t="s">
        <v>7</v>
      </c>
    </row>
    <row r="51" spans="1:16" x14ac:dyDescent="0.2">
      <c r="A51" s="3" t="s">
        <v>7</v>
      </c>
      <c r="B51" s="3" t="s">
        <v>92</v>
      </c>
      <c r="C51" s="3" t="s">
        <v>7</v>
      </c>
      <c r="D51" s="3" t="s">
        <v>7</v>
      </c>
      <c r="E51" s="3" t="s">
        <v>7</v>
      </c>
      <c r="F51" s="3" t="s">
        <v>7</v>
      </c>
      <c r="G51" s="3" t="s">
        <v>7</v>
      </c>
      <c r="H51" s="3" t="s">
        <v>7</v>
      </c>
      <c r="I51" s="12">
        <v>13561</v>
      </c>
      <c r="J51" s="3" t="s">
        <v>7</v>
      </c>
      <c r="K51" s="12">
        <v>0.33</v>
      </c>
      <c r="L51" s="12">
        <v>3107.52</v>
      </c>
      <c r="M51" s="3" t="s">
        <v>7</v>
      </c>
      <c r="N51" s="11">
        <v>0.56689999999999996</v>
      </c>
      <c r="O51" s="11">
        <v>0.15040000000000001</v>
      </c>
      <c r="P51" s="3" t="s">
        <v>7</v>
      </c>
    </row>
    <row r="52" spans="1:16" x14ac:dyDescent="0.2">
      <c r="A52" s="3" t="s">
        <v>7</v>
      </c>
      <c r="B52" s="3" t="s">
        <v>131</v>
      </c>
      <c r="C52" s="3" t="s">
        <v>7</v>
      </c>
      <c r="D52" s="3" t="s">
        <v>7</v>
      </c>
      <c r="E52" s="3" t="s">
        <v>7</v>
      </c>
      <c r="F52" s="3" t="s">
        <v>7</v>
      </c>
      <c r="G52" s="3" t="s">
        <v>7</v>
      </c>
      <c r="H52" s="3" t="s">
        <v>7</v>
      </c>
      <c r="I52" s="12">
        <v>2637</v>
      </c>
      <c r="J52" s="3" t="s">
        <v>7</v>
      </c>
      <c r="K52" s="12">
        <v>0</v>
      </c>
      <c r="L52" s="12">
        <v>288.20999999999998</v>
      </c>
      <c r="M52" s="3" t="s">
        <v>7</v>
      </c>
      <c r="N52" s="11">
        <v>5.2499999999999998E-2</v>
      </c>
      <c r="O52" s="11">
        <v>1.3999999999999999E-2</v>
      </c>
      <c r="P52" s="3" t="s">
        <v>7</v>
      </c>
    </row>
    <row r="53" spans="1:16" x14ac:dyDescent="0.2">
      <c r="A53" s="13" t="s">
        <v>7</v>
      </c>
      <c r="B53" s="13" t="s">
        <v>201</v>
      </c>
      <c r="C53" s="13" t="s">
        <v>202</v>
      </c>
      <c r="D53" s="13" t="s">
        <v>203</v>
      </c>
      <c r="E53" s="13" t="s">
        <v>193</v>
      </c>
      <c r="F53" s="14">
        <v>97405</v>
      </c>
      <c r="G53" s="13" t="s">
        <v>204</v>
      </c>
      <c r="H53" s="13" t="s">
        <v>48</v>
      </c>
      <c r="I53" s="16">
        <v>297</v>
      </c>
      <c r="J53" s="16">
        <v>9101</v>
      </c>
      <c r="K53" s="16">
        <v>0</v>
      </c>
      <c r="L53" s="16">
        <v>90.12</v>
      </c>
      <c r="M53" s="15">
        <v>0</v>
      </c>
      <c r="N53" s="15">
        <v>1.6400000000000001E-2</v>
      </c>
      <c r="O53" s="15">
        <v>4.4000000000000003E-3</v>
      </c>
      <c r="P53" s="14">
        <v>107698</v>
      </c>
    </row>
    <row r="54" spans="1:16" s="23" customFormat="1" x14ac:dyDescent="0.2">
      <c r="A54" s="19" t="s">
        <v>7</v>
      </c>
      <c r="B54" s="19" t="s">
        <v>191</v>
      </c>
      <c r="C54" s="19" t="s">
        <v>192</v>
      </c>
      <c r="D54" s="19" t="s">
        <v>190</v>
      </c>
      <c r="E54" s="19" t="s">
        <v>193</v>
      </c>
      <c r="F54" s="20">
        <v>511235434</v>
      </c>
      <c r="G54" s="19" t="s">
        <v>194</v>
      </c>
      <c r="H54" s="19" t="s">
        <v>48</v>
      </c>
      <c r="I54" s="21">
        <v>530</v>
      </c>
      <c r="J54" s="21">
        <v>2990</v>
      </c>
      <c r="K54" s="21">
        <v>0</v>
      </c>
      <c r="L54" s="21">
        <v>52.83</v>
      </c>
      <c r="M54" s="22">
        <v>0</v>
      </c>
      <c r="N54" s="22">
        <v>9.5999999999999992E-3</v>
      </c>
      <c r="O54" s="22">
        <v>2.5999999999999999E-3</v>
      </c>
      <c r="P54" s="20">
        <v>1060250</v>
      </c>
    </row>
    <row r="55" spans="1:16" x14ac:dyDescent="0.2">
      <c r="A55" s="13" t="s">
        <v>7</v>
      </c>
      <c r="B55" s="13" t="s">
        <v>205</v>
      </c>
      <c r="C55" s="13" t="s">
        <v>206</v>
      </c>
      <c r="D55" s="13" t="s">
        <v>190</v>
      </c>
      <c r="E55" s="13" t="s">
        <v>193</v>
      </c>
      <c r="F55" s="14">
        <v>96549</v>
      </c>
      <c r="G55" s="13" t="s">
        <v>207</v>
      </c>
      <c r="H55" s="13" t="s">
        <v>48</v>
      </c>
      <c r="I55" s="16">
        <v>66</v>
      </c>
      <c r="J55" s="16">
        <v>21718</v>
      </c>
      <c r="K55" s="16">
        <v>0</v>
      </c>
      <c r="L55" s="16">
        <v>47.79</v>
      </c>
      <c r="M55" s="15">
        <v>0</v>
      </c>
      <c r="N55" s="15">
        <v>8.6999999999999994E-3</v>
      </c>
      <c r="O55" s="15">
        <v>2.3E-3</v>
      </c>
      <c r="P55" s="14">
        <v>62013925</v>
      </c>
    </row>
    <row r="56" spans="1:16" x14ac:dyDescent="0.2">
      <c r="A56" s="13" t="s">
        <v>7</v>
      </c>
      <c r="B56" s="13" t="s">
        <v>208</v>
      </c>
      <c r="C56" s="13" t="s">
        <v>209</v>
      </c>
      <c r="D56" s="13" t="s">
        <v>190</v>
      </c>
      <c r="E56" s="13" t="s">
        <v>193</v>
      </c>
      <c r="F56" s="14">
        <v>520044132</v>
      </c>
      <c r="G56" s="13" t="s">
        <v>207</v>
      </c>
      <c r="H56" s="13" t="s">
        <v>48</v>
      </c>
      <c r="I56" s="16">
        <v>590</v>
      </c>
      <c r="J56" s="16">
        <v>2698</v>
      </c>
      <c r="K56" s="16">
        <v>0</v>
      </c>
      <c r="L56" s="16">
        <v>53.07</v>
      </c>
      <c r="M56" s="15">
        <v>0</v>
      </c>
      <c r="N56" s="15">
        <v>9.7000000000000003E-3</v>
      </c>
      <c r="O56" s="15">
        <v>2.5999999999999999E-3</v>
      </c>
      <c r="P56" s="14">
        <v>106104</v>
      </c>
    </row>
    <row r="57" spans="1:16" x14ac:dyDescent="0.2">
      <c r="A57" s="13" t="s">
        <v>7</v>
      </c>
      <c r="B57" s="13" t="s">
        <v>210</v>
      </c>
      <c r="C57" s="13" t="s">
        <v>211</v>
      </c>
      <c r="D57" s="13" t="s">
        <v>143</v>
      </c>
      <c r="E57" s="13" t="s">
        <v>193</v>
      </c>
      <c r="F57" s="14">
        <v>520013954</v>
      </c>
      <c r="G57" s="13" t="s">
        <v>212</v>
      </c>
      <c r="H57" s="13" t="s">
        <v>48</v>
      </c>
      <c r="I57" s="16">
        <v>1154</v>
      </c>
      <c r="J57" s="16">
        <v>1154</v>
      </c>
      <c r="K57" s="16">
        <v>0</v>
      </c>
      <c r="L57" s="16">
        <v>44.4</v>
      </c>
      <c r="M57" s="15">
        <v>0</v>
      </c>
      <c r="N57" s="15">
        <v>8.0999999999999996E-3</v>
      </c>
      <c r="O57" s="15">
        <v>2.0999999999999999E-3</v>
      </c>
      <c r="P57" s="14">
        <v>100057</v>
      </c>
    </row>
    <row r="58" spans="1:16" x14ac:dyDescent="0.2">
      <c r="A58" s="3" t="s">
        <v>7</v>
      </c>
      <c r="B58" s="3" t="s">
        <v>130</v>
      </c>
      <c r="C58" s="3" t="s">
        <v>7</v>
      </c>
      <c r="D58" s="3" t="s">
        <v>7</v>
      </c>
      <c r="E58" s="3" t="s">
        <v>7</v>
      </c>
      <c r="F58" s="3" t="s">
        <v>7</v>
      </c>
      <c r="G58" s="3" t="s">
        <v>7</v>
      </c>
      <c r="H58" s="3" t="s">
        <v>7</v>
      </c>
      <c r="I58" s="12">
        <v>10924</v>
      </c>
      <c r="J58" s="3" t="s">
        <v>7</v>
      </c>
      <c r="K58" s="12">
        <v>0.33</v>
      </c>
      <c r="L58" s="12">
        <v>2819.32</v>
      </c>
      <c r="M58" s="3" t="s">
        <v>7</v>
      </c>
      <c r="N58" s="11">
        <v>0.51439999999999997</v>
      </c>
      <c r="O58" s="11">
        <v>0.13639999999999999</v>
      </c>
      <c r="P58" s="3" t="s">
        <v>7</v>
      </c>
    </row>
    <row r="59" spans="1:16" x14ac:dyDescent="0.2">
      <c r="A59" s="13" t="s">
        <v>7</v>
      </c>
      <c r="B59" s="13" t="s">
        <v>213</v>
      </c>
      <c r="C59" s="13" t="s">
        <v>214</v>
      </c>
      <c r="D59" s="13" t="s">
        <v>190</v>
      </c>
      <c r="E59" s="13" t="s">
        <v>193</v>
      </c>
      <c r="F59" s="14">
        <v>99477</v>
      </c>
      <c r="G59" s="13" t="s">
        <v>215</v>
      </c>
      <c r="H59" s="13" t="s">
        <v>48</v>
      </c>
      <c r="I59" s="16">
        <v>400</v>
      </c>
      <c r="J59" s="16">
        <v>2435</v>
      </c>
      <c r="K59" s="16">
        <v>0</v>
      </c>
      <c r="L59" s="16">
        <v>32.47</v>
      </c>
      <c r="M59" s="15">
        <v>0</v>
      </c>
      <c r="N59" s="15">
        <v>5.8999999999999999E-3</v>
      </c>
      <c r="O59" s="15">
        <v>1.6000000000000001E-3</v>
      </c>
      <c r="P59" s="14">
        <v>1053362</v>
      </c>
    </row>
    <row r="60" spans="1:16" s="23" customFormat="1" x14ac:dyDescent="0.2">
      <c r="A60" s="19" t="s">
        <v>7</v>
      </c>
      <c r="B60" s="19" t="s">
        <v>189</v>
      </c>
      <c r="C60" s="20" t="s">
        <v>516</v>
      </c>
      <c r="D60" s="19" t="s">
        <v>190</v>
      </c>
      <c r="E60" s="19" t="s">
        <v>193</v>
      </c>
      <c r="F60" s="20">
        <v>98565</v>
      </c>
      <c r="G60" s="13" t="s">
        <v>411</v>
      </c>
      <c r="H60" s="19" t="s">
        <v>48</v>
      </c>
      <c r="I60" s="21">
        <v>157</v>
      </c>
      <c r="J60" s="21">
        <v>61736</v>
      </c>
      <c r="K60" s="21">
        <v>0</v>
      </c>
      <c r="L60" s="21">
        <v>323.14999999999998</v>
      </c>
      <c r="M60" s="22">
        <v>0</v>
      </c>
      <c r="N60" s="22">
        <v>5.8999999999999997E-2</v>
      </c>
      <c r="O60" s="22">
        <v>1.5599999999999999E-2</v>
      </c>
      <c r="P60" s="20">
        <v>1056472</v>
      </c>
    </row>
    <row r="61" spans="1:16" x14ac:dyDescent="0.2">
      <c r="A61" s="13" t="s">
        <v>7</v>
      </c>
      <c r="B61" s="13" t="s">
        <v>216</v>
      </c>
      <c r="C61" s="13" t="s">
        <v>217</v>
      </c>
      <c r="D61" s="13" t="s">
        <v>190</v>
      </c>
      <c r="E61" s="13" t="s">
        <v>193</v>
      </c>
      <c r="F61" s="14">
        <v>98457</v>
      </c>
      <c r="G61" s="13" t="s">
        <v>215</v>
      </c>
      <c r="H61" s="13" t="s">
        <v>54</v>
      </c>
      <c r="I61" s="16">
        <v>685</v>
      </c>
      <c r="J61" s="16">
        <v>1680</v>
      </c>
      <c r="K61" s="16">
        <v>0</v>
      </c>
      <c r="L61" s="16">
        <v>45.03</v>
      </c>
      <c r="M61" s="15">
        <v>0</v>
      </c>
      <c r="N61" s="15">
        <v>8.2000000000000007E-3</v>
      </c>
      <c r="O61" s="15">
        <v>2.2000000000000001E-3</v>
      </c>
      <c r="P61" s="14">
        <v>60055613</v>
      </c>
    </row>
    <row r="62" spans="1:16" x14ac:dyDescent="0.2">
      <c r="A62" s="13" t="s">
        <v>7</v>
      </c>
      <c r="B62" s="13" t="s">
        <v>218</v>
      </c>
      <c r="C62" s="13" t="s">
        <v>219</v>
      </c>
      <c r="D62" s="13" t="s">
        <v>190</v>
      </c>
      <c r="E62" s="13" t="s">
        <v>193</v>
      </c>
      <c r="F62" s="14">
        <v>94162</v>
      </c>
      <c r="G62" s="13" t="s">
        <v>220</v>
      </c>
      <c r="H62" s="13" t="s">
        <v>48</v>
      </c>
      <c r="I62" s="16">
        <v>406</v>
      </c>
      <c r="J62" s="16">
        <v>5389</v>
      </c>
      <c r="K62" s="16">
        <v>0</v>
      </c>
      <c r="L62" s="16">
        <v>72.95</v>
      </c>
      <c r="M62" s="15">
        <v>0</v>
      </c>
      <c r="N62" s="15">
        <v>1.3299999999999999E-2</v>
      </c>
      <c r="O62" s="15">
        <v>3.5000000000000001E-3</v>
      </c>
      <c r="P62" s="14">
        <v>62004792</v>
      </c>
    </row>
    <row r="63" spans="1:16" x14ac:dyDescent="0.2">
      <c r="A63" s="13" t="s">
        <v>7</v>
      </c>
      <c r="B63" s="13" t="s">
        <v>221</v>
      </c>
      <c r="C63" s="13" t="s">
        <v>222</v>
      </c>
      <c r="D63" s="13" t="s">
        <v>190</v>
      </c>
      <c r="E63" s="13" t="s">
        <v>193</v>
      </c>
      <c r="F63" s="14">
        <v>98312</v>
      </c>
      <c r="G63" s="13" t="s">
        <v>220</v>
      </c>
      <c r="H63" s="13" t="s">
        <v>48</v>
      </c>
      <c r="I63" s="16">
        <v>830</v>
      </c>
      <c r="J63" s="16">
        <v>3161</v>
      </c>
      <c r="K63" s="16">
        <v>0</v>
      </c>
      <c r="L63" s="16">
        <v>87.47</v>
      </c>
      <c r="M63" s="15">
        <v>0</v>
      </c>
      <c r="N63" s="15">
        <v>1.6E-2</v>
      </c>
      <c r="O63" s="15">
        <v>4.1999999999999997E-3</v>
      </c>
      <c r="P63" s="14">
        <v>60051182</v>
      </c>
    </row>
    <row r="64" spans="1:16" x14ac:dyDescent="0.2">
      <c r="A64" s="13" t="s">
        <v>7</v>
      </c>
      <c r="B64" s="13" t="s">
        <v>223</v>
      </c>
      <c r="C64" s="13" t="s">
        <v>224</v>
      </c>
      <c r="D64" s="13" t="s">
        <v>225</v>
      </c>
      <c r="E64" s="13" t="s">
        <v>193</v>
      </c>
      <c r="F64" s="14">
        <v>97184</v>
      </c>
      <c r="G64" s="13" t="s">
        <v>226</v>
      </c>
      <c r="H64" s="13" t="s">
        <v>48</v>
      </c>
      <c r="I64" s="16">
        <v>57</v>
      </c>
      <c r="J64" s="16">
        <v>28404</v>
      </c>
      <c r="K64" s="16">
        <v>0.09</v>
      </c>
      <c r="L64" s="16">
        <v>54.06</v>
      </c>
      <c r="M64" s="15">
        <v>0</v>
      </c>
      <c r="N64" s="15">
        <v>9.9000000000000008E-3</v>
      </c>
      <c r="O64" s="15">
        <v>2.5999999999999999E-3</v>
      </c>
      <c r="P64" s="14">
        <v>112482</v>
      </c>
    </row>
    <row r="65" spans="1:16" x14ac:dyDescent="0.2">
      <c r="A65" s="13" t="s">
        <v>7</v>
      </c>
      <c r="B65" s="13" t="s">
        <v>227</v>
      </c>
      <c r="C65" s="13" t="s">
        <v>228</v>
      </c>
      <c r="D65" s="13" t="s">
        <v>225</v>
      </c>
      <c r="E65" s="13" t="s">
        <v>193</v>
      </c>
      <c r="F65" s="14">
        <v>99110</v>
      </c>
      <c r="G65" s="13" t="s">
        <v>229</v>
      </c>
      <c r="H65" s="13" t="s">
        <v>48</v>
      </c>
      <c r="I65" s="16">
        <v>38</v>
      </c>
      <c r="J65" s="16">
        <v>18452</v>
      </c>
      <c r="K65" s="16">
        <v>0</v>
      </c>
      <c r="L65" s="16">
        <v>23.38</v>
      </c>
      <c r="M65" s="15">
        <v>0</v>
      </c>
      <c r="N65" s="15">
        <v>4.3E-3</v>
      </c>
      <c r="O65" s="15">
        <v>1.1000000000000001E-3</v>
      </c>
      <c r="P65" s="14">
        <v>103465</v>
      </c>
    </row>
    <row r="66" spans="1:16" x14ac:dyDescent="0.2">
      <c r="A66" s="13" t="s">
        <v>7</v>
      </c>
      <c r="B66" s="13" t="s">
        <v>230</v>
      </c>
      <c r="C66" s="13" t="s">
        <v>231</v>
      </c>
      <c r="D66" s="13" t="s">
        <v>190</v>
      </c>
      <c r="E66" s="13" t="s">
        <v>193</v>
      </c>
      <c r="F66" s="14">
        <v>99935</v>
      </c>
      <c r="G66" s="13" t="s">
        <v>232</v>
      </c>
      <c r="H66" s="13" t="s">
        <v>48</v>
      </c>
      <c r="I66" s="16">
        <v>99</v>
      </c>
      <c r="J66" s="16">
        <v>19807</v>
      </c>
      <c r="K66" s="16">
        <v>0</v>
      </c>
      <c r="L66" s="16">
        <v>65.38</v>
      </c>
      <c r="M66" s="15">
        <v>0</v>
      </c>
      <c r="N66" s="15">
        <v>1.1900000000000001E-2</v>
      </c>
      <c r="O66" s="15">
        <v>3.2000000000000002E-3</v>
      </c>
      <c r="P66" s="14">
        <v>104075</v>
      </c>
    </row>
    <row r="67" spans="1:16" x14ac:dyDescent="0.2">
      <c r="A67" s="13" t="s">
        <v>7</v>
      </c>
      <c r="B67" s="13" t="s">
        <v>233</v>
      </c>
      <c r="C67" s="13" t="s">
        <v>234</v>
      </c>
      <c r="D67" s="13" t="s">
        <v>190</v>
      </c>
      <c r="E67" s="13" t="s">
        <v>193</v>
      </c>
      <c r="F67" s="14">
        <v>0</v>
      </c>
      <c r="G67" s="13" t="s">
        <v>232</v>
      </c>
      <c r="H67" s="13" t="s">
        <v>48</v>
      </c>
      <c r="I67" s="16">
        <v>173</v>
      </c>
      <c r="J67" s="16">
        <v>13583</v>
      </c>
      <c r="K67" s="16">
        <v>0.22</v>
      </c>
      <c r="L67" s="16">
        <v>78.56</v>
      </c>
      <c r="M67" s="15">
        <v>0</v>
      </c>
      <c r="N67" s="15">
        <v>1.43E-2</v>
      </c>
      <c r="O67" s="15">
        <v>3.8E-3</v>
      </c>
      <c r="P67" s="14">
        <v>104083</v>
      </c>
    </row>
    <row r="68" spans="1:16" x14ac:dyDescent="0.2">
      <c r="A68" s="13" t="s">
        <v>7</v>
      </c>
      <c r="B68" s="13" t="s">
        <v>235</v>
      </c>
      <c r="C68" s="13" t="s">
        <v>236</v>
      </c>
      <c r="D68" s="13" t="s">
        <v>225</v>
      </c>
      <c r="E68" s="13" t="s">
        <v>193</v>
      </c>
      <c r="F68" s="14">
        <v>98419</v>
      </c>
      <c r="G68" s="13" t="s">
        <v>237</v>
      </c>
      <c r="H68" s="13" t="s">
        <v>48</v>
      </c>
      <c r="I68" s="16">
        <v>180</v>
      </c>
      <c r="J68" s="16">
        <v>14145</v>
      </c>
      <c r="K68" s="16">
        <v>0</v>
      </c>
      <c r="L68" s="16">
        <v>84.89</v>
      </c>
      <c r="M68" s="15">
        <v>0</v>
      </c>
      <c r="N68" s="15">
        <v>1.55E-2</v>
      </c>
      <c r="O68" s="15">
        <v>4.1000000000000003E-3</v>
      </c>
      <c r="P68" s="14">
        <v>103630</v>
      </c>
    </row>
    <row r="69" spans="1:16" x14ac:dyDescent="0.2">
      <c r="A69" s="13" t="s">
        <v>7</v>
      </c>
      <c r="B69" s="13" t="s">
        <v>238</v>
      </c>
      <c r="C69" s="13" t="s">
        <v>239</v>
      </c>
      <c r="D69" s="13" t="s">
        <v>225</v>
      </c>
      <c r="E69" s="13" t="s">
        <v>193</v>
      </c>
      <c r="F69" s="14">
        <v>99918</v>
      </c>
      <c r="G69" s="13" t="s">
        <v>240</v>
      </c>
      <c r="H69" s="13" t="s">
        <v>48</v>
      </c>
      <c r="I69" s="16">
        <v>79</v>
      </c>
      <c r="J69" s="16">
        <v>16435</v>
      </c>
      <c r="K69" s="16">
        <v>0</v>
      </c>
      <c r="L69" s="16">
        <v>43.29</v>
      </c>
      <c r="M69" s="15">
        <v>0</v>
      </c>
      <c r="N69" s="15">
        <v>7.9000000000000008E-3</v>
      </c>
      <c r="O69" s="15">
        <v>2.0999999999999999E-3</v>
      </c>
      <c r="P69" s="14">
        <v>102228</v>
      </c>
    </row>
    <row r="70" spans="1:16" x14ac:dyDescent="0.2">
      <c r="A70" s="13" t="s">
        <v>7</v>
      </c>
      <c r="B70" s="13" t="s">
        <v>241</v>
      </c>
      <c r="C70" s="13" t="s">
        <v>242</v>
      </c>
      <c r="D70" s="13" t="s">
        <v>225</v>
      </c>
      <c r="E70" s="13" t="s">
        <v>193</v>
      </c>
      <c r="F70" s="14">
        <v>99204</v>
      </c>
      <c r="G70" s="13" t="s">
        <v>243</v>
      </c>
      <c r="H70" s="13" t="s">
        <v>48</v>
      </c>
      <c r="I70" s="16">
        <v>390</v>
      </c>
      <c r="J70" s="16">
        <v>3869</v>
      </c>
      <c r="K70" s="16">
        <v>0</v>
      </c>
      <c r="L70" s="16">
        <v>50.31</v>
      </c>
      <c r="M70" s="15">
        <v>0</v>
      </c>
      <c r="N70" s="15">
        <v>9.1999999999999998E-3</v>
      </c>
      <c r="O70" s="15">
        <v>2.3999999999999998E-3</v>
      </c>
      <c r="P70" s="14">
        <v>1060193</v>
      </c>
    </row>
    <row r="71" spans="1:16" x14ac:dyDescent="0.2">
      <c r="A71" s="13" t="s">
        <v>7</v>
      </c>
      <c r="B71" s="13" t="s">
        <v>244</v>
      </c>
      <c r="C71" s="13" t="s">
        <v>245</v>
      </c>
      <c r="D71" s="13" t="s">
        <v>190</v>
      </c>
      <c r="E71" s="13" t="s">
        <v>193</v>
      </c>
      <c r="F71" s="14">
        <v>98509</v>
      </c>
      <c r="G71" s="13" t="s">
        <v>246</v>
      </c>
      <c r="H71" s="13" t="s">
        <v>48</v>
      </c>
      <c r="I71" s="16">
        <v>54</v>
      </c>
      <c r="J71" s="16">
        <v>35605</v>
      </c>
      <c r="K71" s="16">
        <v>0</v>
      </c>
      <c r="L71" s="16">
        <v>64.099999999999994</v>
      </c>
      <c r="M71" s="15">
        <v>0</v>
      </c>
      <c r="N71" s="15">
        <v>1.17E-2</v>
      </c>
      <c r="O71" s="15">
        <v>3.0999999999999999E-3</v>
      </c>
      <c r="P71" s="14">
        <v>60128162</v>
      </c>
    </row>
    <row r="72" spans="1:16" x14ac:dyDescent="0.2">
      <c r="A72" s="13" t="s">
        <v>7</v>
      </c>
      <c r="B72" s="13" t="s">
        <v>247</v>
      </c>
      <c r="C72" s="13" t="s">
        <v>248</v>
      </c>
      <c r="D72" s="13" t="s">
        <v>225</v>
      </c>
      <c r="E72" s="13" t="s">
        <v>193</v>
      </c>
      <c r="F72" s="14">
        <v>98108</v>
      </c>
      <c r="G72" s="13" t="s">
        <v>246</v>
      </c>
      <c r="H72" s="13" t="s">
        <v>48</v>
      </c>
      <c r="I72" s="16">
        <v>142</v>
      </c>
      <c r="J72" s="16">
        <v>21173</v>
      </c>
      <c r="K72" s="16">
        <v>0</v>
      </c>
      <c r="L72" s="16">
        <v>100.24</v>
      </c>
      <c r="M72" s="15">
        <v>0</v>
      </c>
      <c r="N72" s="15">
        <v>1.83E-2</v>
      </c>
      <c r="O72" s="15">
        <v>4.7999999999999996E-3</v>
      </c>
      <c r="P72" s="14">
        <v>1055714</v>
      </c>
    </row>
    <row r="73" spans="1:16" x14ac:dyDescent="0.2">
      <c r="A73" s="13" t="s">
        <v>7</v>
      </c>
      <c r="B73" s="13" t="s">
        <v>249</v>
      </c>
      <c r="C73" s="13" t="s">
        <v>250</v>
      </c>
      <c r="D73" s="13" t="s">
        <v>203</v>
      </c>
      <c r="E73" s="13" t="s">
        <v>193</v>
      </c>
      <c r="F73" s="14">
        <v>99275</v>
      </c>
      <c r="G73" s="13" t="s">
        <v>251</v>
      </c>
      <c r="H73" s="13" t="s">
        <v>48</v>
      </c>
      <c r="I73" s="16">
        <v>450</v>
      </c>
      <c r="J73" s="16">
        <v>23577</v>
      </c>
      <c r="K73" s="16">
        <v>0</v>
      </c>
      <c r="L73" s="16">
        <v>353.73</v>
      </c>
      <c r="M73" s="15">
        <v>0</v>
      </c>
      <c r="N73" s="15">
        <v>6.4500000000000002E-2</v>
      </c>
      <c r="O73" s="15">
        <v>1.7100000000000001E-2</v>
      </c>
      <c r="P73" s="14">
        <v>105049</v>
      </c>
    </row>
    <row r="74" spans="1:16" x14ac:dyDescent="0.2">
      <c r="A74" s="13" t="s">
        <v>7</v>
      </c>
      <c r="B74" s="13" t="s">
        <v>252</v>
      </c>
      <c r="C74" s="13" t="s">
        <v>253</v>
      </c>
      <c r="D74" s="13" t="s">
        <v>225</v>
      </c>
      <c r="E74" s="13" t="s">
        <v>193</v>
      </c>
      <c r="F74" s="14">
        <v>98000</v>
      </c>
      <c r="G74" s="13" t="s">
        <v>251</v>
      </c>
      <c r="H74" s="13" t="s">
        <v>48</v>
      </c>
      <c r="I74" s="16">
        <v>639</v>
      </c>
      <c r="J74" s="16">
        <v>7017</v>
      </c>
      <c r="K74" s="16">
        <v>0</v>
      </c>
      <c r="L74" s="16">
        <v>149.49</v>
      </c>
      <c r="M74" s="15">
        <v>0</v>
      </c>
      <c r="N74" s="15">
        <v>2.7300000000000001E-2</v>
      </c>
      <c r="O74" s="15">
        <v>7.1999999999999998E-3</v>
      </c>
      <c r="P74" s="14">
        <v>102616</v>
      </c>
    </row>
    <row r="75" spans="1:16" x14ac:dyDescent="0.2">
      <c r="A75" s="13" t="s">
        <v>7</v>
      </c>
      <c r="B75" s="13" t="s">
        <v>254</v>
      </c>
      <c r="C75" s="13" t="s">
        <v>255</v>
      </c>
      <c r="D75" s="13" t="s">
        <v>203</v>
      </c>
      <c r="E75" s="13" t="s">
        <v>193</v>
      </c>
      <c r="F75" s="14">
        <v>99771</v>
      </c>
      <c r="G75" s="13" t="s">
        <v>256</v>
      </c>
      <c r="H75" s="13" t="s">
        <v>48</v>
      </c>
      <c r="I75" s="16">
        <v>461</v>
      </c>
      <c r="J75" s="16">
        <v>12215</v>
      </c>
      <c r="K75" s="16">
        <v>0</v>
      </c>
      <c r="L75" s="16">
        <v>187.74</v>
      </c>
      <c r="M75" s="15">
        <v>0</v>
      </c>
      <c r="N75" s="15">
        <v>3.4200000000000001E-2</v>
      </c>
      <c r="O75" s="15">
        <v>9.1000000000000004E-3</v>
      </c>
      <c r="P75" s="14">
        <v>103788</v>
      </c>
    </row>
    <row r="76" spans="1:16" x14ac:dyDescent="0.2">
      <c r="A76" s="13" t="s">
        <v>7</v>
      </c>
      <c r="B76" s="13" t="s">
        <v>257</v>
      </c>
      <c r="C76" s="13" t="s">
        <v>258</v>
      </c>
      <c r="D76" s="13" t="s">
        <v>190</v>
      </c>
      <c r="E76" s="13" t="s">
        <v>193</v>
      </c>
      <c r="F76" s="14">
        <v>98003</v>
      </c>
      <c r="G76" s="13" t="s">
        <v>204</v>
      </c>
      <c r="H76" s="13" t="s">
        <v>48</v>
      </c>
      <c r="I76" s="16">
        <v>88</v>
      </c>
      <c r="J76" s="16">
        <v>13360</v>
      </c>
      <c r="K76" s="16">
        <v>0</v>
      </c>
      <c r="L76" s="16">
        <v>39.200000000000003</v>
      </c>
      <c r="M76" s="15">
        <v>0</v>
      </c>
      <c r="N76" s="15">
        <v>7.1000000000000004E-3</v>
      </c>
      <c r="O76" s="15">
        <v>1.9E-3</v>
      </c>
      <c r="P76" s="14">
        <v>104661</v>
      </c>
    </row>
    <row r="77" spans="1:16" x14ac:dyDescent="0.2">
      <c r="A77" s="13" t="s">
        <v>7</v>
      </c>
      <c r="B77" s="13" t="s">
        <v>259</v>
      </c>
      <c r="C77" s="13" t="s">
        <v>260</v>
      </c>
      <c r="D77" s="13" t="s">
        <v>190</v>
      </c>
      <c r="E77" s="13" t="s">
        <v>193</v>
      </c>
      <c r="F77" s="14">
        <v>97600</v>
      </c>
      <c r="G77" s="13" t="s">
        <v>204</v>
      </c>
      <c r="H77" s="13" t="s">
        <v>48</v>
      </c>
      <c r="I77" s="16">
        <v>67</v>
      </c>
      <c r="J77" s="16">
        <v>33040</v>
      </c>
      <c r="K77" s="16">
        <v>0</v>
      </c>
      <c r="L77" s="16">
        <v>73.8</v>
      </c>
      <c r="M77" s="15">
        <v>0</v>
      </c>
      <c r="N77" s="15">
        <v>1.35E-2</v>
      </c>
      <c r="O77" s="15">
        <v>3.5999999999999999E-3</v>
      </c>
      <c r="P77" s="14">
        <v>1052398</v>
      </c>
    </row>
    <row r="78" spans="1:16" x14ac:dyDescent="0.2">
      <c r="A78" s="13" t="s">
        <v>7</v>
      </c>
      <c r="B78" s="13" t="s">
        <v>261</v>
      </c>
      <c r="C78" s="13" t="s">
        <v>262</v>
      </c>
      <c r="D78" s="13" t="s">
        <v>190</v>
      </c>
      <c r="E78" s="13" t="s">
        <v>193</v>
      </c>
      <c r="F78" s="14">
        <v>99456</v>
      </c>
      <c r="G78" s="13" t="s">
        <v>204</v>
      </c>
      <c r="H78" s="13" t="s">
        <v>48</v>
      </c>
      <c r="I78" s="16">
        <v>76</v>
      </c>
      <c r="J78" s="16">
        <v>53393</v>
      </c>
      <c r="K78" s="16">
        <v>0.03</v>
      </c>
      <c r="L78" s="16">
        <v>135.32</v>
      </c>
      <c r="M78" s="15">
        <v>0</v>
      </c>
      <c r="N78" s="15">
        <v>2.47E-2</v>
      </c>
      <c r="O78" s="15">
        <v>6.4999999999999997E-3</v>
      </c>
      <c r="P78" s="14">
        <v>119636</v>
      </c>
    </row>
    <row r="79" spans="1:16" x14ac:dyDescent="0.2">
      <c r="A79" s="13" t="s">
        <v>7</v>
      </c>
      <c r="B79" s="13" t="s">
        <v>263</v>
      </c>
      <c r="C79" s="13" t="s">
        <v>264</v>
      </c>
      <c r="D79" s="13" t="s">
        <v>265</v>
      </c>
      <c r="E79" s="13" t="s">
        <v>193</v>
      </c>
      <c r="F79" s="14">
        <v>99868</v>
      </c>
      <c r="G79" s="13" t="s">
        <v>204</v>
      </c>
      <c r="H79" s="13" t="s">
        <v>48</v>
      </c>
      <c r="I79" s="16">
        <v>19</v>
      </c>
      <c r="J79" s="16">
        <v>182400</v>
      </c>
      <c r="K79" s="16">
        <v>0</v>
      </c>
      <c r="L79" s="16">
        <v>115.54</v>
      </c>
      <c r="M79" s="15">
        <v>0</v>
      </c>
      <c r="N79" s="15">
        <v>2.1100000000000001E-2</v>
      </c>
      <c r="O79" s="15">
        <v>5.5999999999999999E-3</v>
      </c>
      <c r="P79" s="14">
        <v>60160579</v>
      </c>
    </row>
    <row r="80" spans="1:16" x14ac:dyDescent="0.2">
      <c r="A80" s="13" t="s">
        <v>7</v>
      </c>
      <c r="B80" s="13" t="s">
        <v>266</v>
      </c>
      <c r="C80" s="13" t="s">
        <v>267</v>
      </c>
      <c r="D80" s="13" t="s">
        <v>225</v>
      </c>
      <c r="E80" s="13" t="s">
        <v>193</v>
      </c>
      <c r="F80" s="14">
        <v>97585</v>
      </c>
      <c r="G80" s="13" t="s">
        <v>207</v>
      </c>
      <c r="H80" s="13" t="s">
        <v>48</v>
      </c>
      <c r="I80" s="16">
        <v>107</v>
      </c>
      <c r="J80" s="16">
        <v>22673</v>
      </c>
      <c r="K80" s="16">
        <v>0</v>
      </c>
      <c r="L80" s="16">
        <v>80.88</v>
      </c>
      <c r="M80" s="15">
        <v>0</v>
      </c>
      <c r="N80" s="15">
        <v>1.4800000000000001E-2</v>
      </c>
      <c r="O80" s="15">
        <v>3.8999999999999998E-3</v>
      </c>
      <c r="P80" s="14">
        <v>60615838</v>
      </c>
    </row>
    <row r="81" spans="1:16" x14ac:dyDescent="0.2">
      <c r="A81" s="13" t="s">
        <v>7</v>
      </c>
      <c r="B81" s="13" t="s">
        <v>268</v>
      </c>
      <c r="C81" s="13" t="s">
        <v>269</v>
      </c>
      <c r="D81" s="13" t="s">
        <v>203</v>
      </c>
      <c r="E81" s="13" t="s">
        <v>193</v>
      </c>
      <c r="F81" s="14">
        <v>99122</v>
      </c>
      <c r="G81" s="13" t="s">
        <v>207</v>
      </c>
      <c r="H81" s="13" t="s">
        <v>48</v>
      </c>
      <c r="I81" s="16">
        <v>18</v>
      </c>
      <c r="J81" s="16">
        <v>309408</v>
      </c>
      <c r="K81" s="16">
        <v>0</v>
      </c>
      <c r="L81" s="16">
        <v>185.68</v>
      </c>
      <c r="M81" s="15">
        <v>0</v>
      </c>
      <c r="N81" s="15">
        <v>3.39E-2</v>
      </c>
      <c r="O81" s="15">
        <v>8.9999999999999993E-3</v>
      </c>
      <c r="P81" s="14">
        <v>108092</v>
      </c>
    </row>
    <row r="82" spans="1:16" x14ac:dyDescent="0.2">
      <c r="A82" s="13" t="s">
        <v>7</v>
      </c>
      <c r="B82" s="13" t="s">
        <v>270</v>
      </c>
      <c r="C82" s="13" t="s">
        <v>271</v>
      </c>
      <c r="D82" s="13" t="s">
        <v>203</v>
      </c>
      <c r="E82" s="13" t="s">
        <v>193</v>
      </c>
      <c r="F82" s="14">
        <v>99915</v>
      </c>
      <c r="G82" s="13" t="s">
        <v>207</v>
      </c>
      <c r="H82" s="13" t="s">
        <v>48</v>
      </c>
      <c r="I82" s="16">
        <v>24</v>
      </c>
      <c r="J82" s="16">
        <v>206252</v>
      </c>
      <c r="K82" s="16">
        <v>0</v>
      </c>
      <c r="L82" s="16">
        <v>165.03</v>
      </c>
      <c r="M82" s="15">
        <v>0</v>
      </c>
      <c r="N82" s="15">
        <v>3.0099999999999998E-2</v>
      </c>
      <c r="O82" s="15">
        <v>8.0000000000000002E-3</v>
      </c>
      <c r="P82" s="14">
        <v>60032877</v>
      </c>
    </row>
    <row r="83" spans="1:16" x14ac:dyDescent="0.2">
      <c r="A83" s="13" t="s">
        <v>7</v>
      </c>
      <c r="B83" s="13" t="s">
        <v>272</v>
      </c>
      <c r="C83" s="13" t="s">
        <v>273</v>
      </c>
      <c r="D83" s="13" t="s">
        <v>190</v>
      </c>
      <c r="E83" s="13" t="s">
        <v>193</v>
      </c>
      <c r="F83" s="14">
        <v>99326</v>
      </c>
      <c r="G83" s="13" t="s">
        <v>207</v>
      </c>
      <c r="H83" s="13" t="s">
        <v>48</v>
      </c>
      <c r="I83" s="16">
        <v>1704</v>
      </c>
      <c r="J83" s="16">
        <v>396</v>
      </c>
      <c r="K83" s="16">
        <v>0</v>
      </c>
      <c r="L83" s="16">
        <v>22.5</v>
      </c>
      <c r="M83" s="15">
        <v>0</v>
      </c>
      <c r="N83" s="15">
        <v>4.1000000000000003E-3</v>
      </c>
      <c r="O83" s="15">
        <v>1.1000000000000001E-3</v>
      </c>
      <c r="P83" s="14">
        <v>112227</v>
      </c>
    </row>
    <row r="84" spans="1:16" x14ac:dyDescent="0.2">
      <c r="A84" s="13" t="s">
        <v>7</v>
      </c>
      <c r="B84" s="13" t="s">
        <v>274</v>
      </c>
      <c r="C84" s="13" t="s">
        <v>275</v>
      </c>
      <c r="D84" s="13" t="s">
        <v>190</v>
      </c>
      <c r="E84" s="13" t="s">
        <v>193</v>
      </c>
      <c r="F84" s="14">
        <v>7495</v>
      </c>
      <c r="G84" s="13" t="s">
        <v>207</v>
      </c>
      <c r="H84" s="13" t="s">
        <v>48</v>
      </c>
      <c r="I84" s="16">
        <v>3210</v>
      </c>
      <c r="J84" s="16">
        <v>822</v>
      </c>
      <c r="K84" s="16">
        <v>0</v>
      </c>
      <c r="L84" s="16">
        <v>87.97</v>
      </c>
      <c r="M84" s="15">
        <v>1E-4</v>
      </c>
      <c r="N84" s="15">
        <v>1.6E-2</v>
      </c>
      <c r="O84" s="15">
        <v>4.3E-3</v>
      </c>
      <c r="P84" s="14">
        <v>21056653</v>
      </c>
    </row>
    <row r="85" spans="1:16" x14ac:dyDescent="0.2">
      <c r="A85" s="13" t="s">
        <v>7</v>
      </c>
      <c r="B85" s="13" t="s">
        <v>276</v>
      </c>
      <c r="C85" s="13" t="s">
        <v>277</v>
      </c>
      <c r="D85" s="13" t="s">
        <v>190</v>
      </c>
      <c r="E85" s="13" t="s">
        <v>193</v>
      </c>
      <c r="F85" s="14">
        <v>98225</v>
      </c>
      <c r="G85" s="13" t="s">
        <v>207</v>
      </c>
      <c r="H85" s="13" t="s">
        <v>56</v>
      </c>
      <c r="I85" s="16">
        <v>371</v>
      </c>
      <c r="J85" s="16">
        <v>61000</v>
      </c>
      <c r="K85" s="16">
        <v>0</v>
      </c>
      <c r="L85" s="16">
        <v>97.15</v>
      </c>
      <c r="M85" s="15">
        <v>0</v>
      </c>
      <c r="N85" s="15">
        <v>1.77E-2</v>
      </c>
      <c r="O85" s="15">
        <v>4.7000000000000002E-3</v>
      </c>
      <c r="P85" s="14">
        <v>60175411</v>
      </c>
    </row>
    <row r="86" spans="1:16" x14ac:dyDescent="0.2">
      <c r="A86" s="8" t="s">
        <v>7</v>
      </c>
      <c r="B86" s="8" t="s">
        <v>94</v>
      </c>
      <c r="C86" s="8" t="s">
        <v>7</v>
      </c>
      <c r="D86" s="8" t="s">
        <v>7</v>
      </c>
      <c r="E86" s="8" t="s">
        <v>7</v>
      </c>
      <c r="F86" s="8" t="s">
        <v>7</v>
      </c>
      <c r="G86" s="8" t="s">
        <v>7</v>
      </c>
      <c r="H86" s="8" t="s">
        <v>7</v>
      </c>
      <c r="I86" s="8" t="s">
        <v>7</v>
      </c>
      <c r="J86" s="8" t="s">
        <v>7</v>
      </c>
      <c r="K86" s="8" t="s">
        <v>7</v>
      </c>
      <c r="L86" s="8" t="s">
        <v>7</v>
      </c>
      <c r="M86" s="8" t="s">
        <v>7</v>
      </c>
      <c r="N86" s="8" t="s">
        <v>7</v>
      </c>
      <c r="O86" s="8" t="s">
        <v>7</v>
      </c>
      <c r="P86" s="8" t="s">
        <v>7</v>
      </c>
    </row>
    <row r="87" spans="1:16" x14ac:dyDescent="0.2">
      <c r="A87" s="8" t="s">
        <v>7</v>
      </c>
      <c r="B87" s="8" t="s">
        <v>120</v>
      </c>
      <c r="C87" s="8" t="s">
        <v>7</v>
      </c>
      <c r="D87" s="8" t="s">
        <v>7</v>
      </c>
      <c r="E87" s="8" t="s">
        <v>7</v>
      </c>
      <c r="F87" s="8" t="s">
        <v>7</v>
      </c>
      <c r="G87" s="8" t="s">
        <v>7</v>
      </c>
      <c r="H87" s="8" t="s">
        <v>7</v>
      </c>
      <c r="I87" s="8" t="s">
        <v>7</v>
      </c>
      <c r="J87" s="8" t="s">
        <v>7</v>
      </c>
      <c r="K87" s="8" t="s">
        <v>7</v>
      </c>
      <c r="L87" s="8" t="s">
        <v>7</v>
      </c>
      <c r="M87" s="8" t="s">
        <v>7</v>
      </c>
      <c r="N87" s="8" t="s">
        <v>7</v>
      </c>
      <c r="O87" s="8" t="s">
        <v>7</v>
      </c>
      <c r="P87" s="8" t="s">
        <v>7</v>
      </c>
    </row>
    <row r="88" spans="1:16" x14ac:dyDescent="0.2">
      <c r="A88" s="7" t="s">
        <v>278</v>
      </c>
      <c r="B88" s="7" t="s">
        <v>59</v>
      </c>
    </row>
  </sheetData>
  <pageMargins left="0.7" right="0.7" top="0.75" bottom="0.75" header="0.3" footer="0.3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O62"/>
  <sheetViews>
    <sheetView rightToLeft="1" workbookViewId="0"/>
  </sheetViews>
  <sheetFormatPr defaultRowHeight="14.25" x14ac:dyDescent="0.2"/>
  <cols>
    <col min="1" max="1" width="2" customWidth="1"/>
    <col min="2" max="2" width="38" customWidth="1"/>
    <col min="3" max="3" width="15" customWidth="1"/>
    <col min="4" max="4" width="11" customWidth="1"/>
    <col min="5" max="5" width="12" customWidth="1"/>
    <col min="6" max="6" width="10" customWidth="1"/>
    <col min="7" max="7" width="16" customWidth="1"/>
    <col min="8" max="9" width="11" customWidth="1"/>
    <col min="10" max="10" width="18" customWidth="1"/>
    <col min="11" max="11" width="11" customWidth="1"/>
    <col min="12" max="12" width="22" customWidth="1"/>
    <col min="13" max="13" width="24" customWidth="1"/>
    <col min="14" max="14" width="23" customWidth="1"/>
    <col min="15" max="15" width="11" customWidth="1"/>
  </cols>
  <sheetData>
    <row r="1" spans="1:15" x14ac:dyDescent="0.2">
      <c r="B1" s="7" t="s">
        <v>0</v>
      </c>
      <c r="C1" s="7" t="s">
        <v>1</v>
      </c>
    </row>
    <row r="2" spans="1:15" x14ac:dyDescent="0.2">
      <c r="B2" s="7" t="s">
        <v>2</v>
      </c>
      <c r="C2" s="7" t="s">
        <v>3</v>
      </c>
    </row>
    <row r="3" spans="1:15" x14ac:dyDescent="0.2">
      <c r="B3" s="7" t="s">
        <v>4</v>
      </c>
      <c r="C3" s="7" t="s">
        <v>5</v>
      </c>
    </row>
    <row r="4" spans="1:15" x14ac:dyDescent="0.2">
      <c r="B4" s="7" t="s">
        <v>6</v>
      </c>
      <c r="C4" s="7">
        <v>1526</v>
      </c>
    </row>
    <row r="5" spans="1:15" x14ac:dyDescent="0.2">
      <c r="B5" s="7" t="s">
        <v>7</v>
      </c>
      <c r="C5" s="7" t="s">
        <v>7</v>
      </c>
    </row>
    <row r="6" spans="1:15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</row>
    <row r="7" spans="1:15" x14ac:dyDescent="0.2">
      <c r="A7" s="1" t="s">
        <v>7</v>
      </c>
      <c r="B7" s="1" t="s">
        <v>279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</row>
    <row r="8" spans="1:15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63</v>
      </c>
      <c r="F8" s="1" t="s">
        <v>123</v>
      </c>
      <c r="G8" s="1" t="s">
        <v>66</v>
      </c>
      <c r="H8" s="1" t="s">
        <v>100</v>
      </c>
      <c r="I8" s="1" t="s">
        <v>101</v>
      </c>
      <c r="J8" s="1" t="s">
        <v>102</v>
      </c>
      <c r="K8" s="1" t="s">
        <v>69</v>
      </c>
      <c r="L8" s="1" t="s">
        <v>103</v>
      </c>
      <c r="M8" s="1" t="s">
        <v>70</v>
      </c>
      <c r="N8" s="1" t="s">
        <v>104</v>
      </c>
      <c r="O8" s="1" t="s">
        <v>7</v>
      </c>
    </row>
    <row r="9" spans="1:15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135</v>
      </c>
      <c r="I9" s="1" t="s">
        <v>7</v>
      </c>
      <c r="J9" s="1" t="s">
        <v>11</v>
      </c>
      <c r="K9" s="1" t="s">
        <v>11</v>
      </c>
      <c r="L9" s="1" t="s">
        <v>12</v>
      </c>
      <c r="M9" s="1" t="s">
        <v>12</v>
      </c>
      <c r="N9" s="1" t="s">
        <v>12</v>
      </c>
      <c r="O9" s="1" t="s">
        <v>7</v>
      </c>
    </row>
    <row r="10" spans="1:15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7</v>
      </c>
      <c r="L10" s="1" t="s">
        <v>78</v>
      </c>
      <c r="M10" s="1" t="s">
        <v>79</v>
      </c>
      <c r="N10" s="1" t="s">
        <v>108</v>
      </c>
      <c r="O10" s="1" t="s">
        <v>7</v>
      </c>
    </row>
    <row r="11" spans="1:15" x14ac:dyDescent="0.2">
      <c r="A11" s="8" t="s">
        <v>7</v>
      </c>
      <c r="B11" s="8" t="s">
        <v>280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10">
        <v>52878</v>
      </c>
      <c r="I11" s="8" t="s">
        <v>7</v>
      </c>
      <c r="J11" s="10">
        <v>3.89</v>
      </c>
      <c r="K11" s="10">
        <v>12493.3</v>
      </c>
      <c r="L11" s="8" t="s">
        <v>7</v>
      </c>
      <c r="M11" s="9">
        <v>1</v>
      </c>
      <c r="N11" s="9">
        <v>0.60460000000000003</v>
      </c>
      <c r="O11" s="8" t="s">
        <v>7</v>
      </c>
    </row>
    <row r="12" spans="1:15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12">
        <v>13957</v>
      </c>
      <c r="I12" s="3" t="s">
        <v>7</v>
      </c>
      <c r="J12" s="12">
        <v>0</v>
      </c>
      <c r="K12" s="12">
        <v>374.35</v>
      </c>
      <c r="L12" s="3" t="s">
        <v>7</v>
      </c>
      <c r="M12" s="11">
        <v>0.03</v>
      </c>
      <c r="N12" s="11">
        <v>1.8100000000000002E-2</v>
      </c>
      <c r="O12" s="3" t="s">
        <v>7</v>
      </c>
    </row>
    <row r="13" spans="1:15" x14ac:dyDescent="0.2">
      <c r="A13" s="3" t="s">
        <v>7</v>
      </c>
      <c r="B13" s="3" t="s">
        <v>281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12">
        <v>13450</v>
      </c>
      <c r="I13" s="3" t="s">
        <v>7</v>
      </c>
      <c r="J13" s="12">
        <v>0</v>
      </c>
      <c r="K13" s="12">
        <v>354.95</v>
      </c>
      <c r="L13" s="3" t="s">
        <v>7</v>
      </c>
      <c r="M13" s="11">
        <v>2.8400000000000002E-2</v>
      </c>
      <c r="N13" s="11">
        <v>1.72E-2</v>
      </c>
      <c r="O13" s="3" t="s">
        <v>7</v>
      </c>
    </row>
    <row r="14" spans="1:15" x14ac:dyDescent="0.2">
      <c r="A14" s="13" t="s">
        <v>7</v>
      </c>
      <c r="B14" s="13" t="s">
        <v>282</v>
      </c>
      <c r="C14" s="14">
        <v>1150259</v>
      </c>
      <c r="D14" s="13" t="s">
        <v>143</v>
      </c>
      <c r="E14" s="14">
        <v>511303661</v>
      </c>
      <c r="F14" s="13" t="s">
        <v>283</v>
      </c>
      <c r="G14" s="13" t="s">
        <v>85</v>
      </c>
      <c r="H14" s="16">
        <v>13450</v>
      </c>
      <c r="I14" s="16">
        <v>2639</v>
      </c>
      <c r="J14" s="16">
        <v>0</v>
      </c>
      <c r="K14" s="16">
        <v>354.95</v>
      </c>
      <c r="L14" s="15">
        <v>4.0000000000000002E-4</v>
      </c>
      <c r="M14" s="15">
        <v>2.8400000000000002E-2</v>
      </c>
      <c r="N14" s="15">
        <v>1.72E-2</v>
      </c>
      <c r="O14" s="13" t="s">
        <v>7</v>
      </c>
    </row>
    <row r="15" spans="1:15" x14ac:dyDescent="0.2">
      <c r="A15" s="3" t="s">
        <v>7</v>
      </c>
      <c r="B15" s="3" t="s">
        <v>284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12">
        <v>507</v>
      </c>
      <c r="I15" s="3" t="s">
        <v>7</v>
      </c>
      <c r="J15" s="12">
        <v>0</v>
      </c>
      <c r="K15" s="12">
        <v>19.41</v>
      </c>
      <c r="L15" s="3" t="s">
        <v>7</v>
      </c>
      <c r="M15" s="11">
        <v>1.5E-3</v>
      </c>
      <c r="N15" s="11">
        <v>8.9999999999999998E-4</v>
      </c>
      <c r="O15" s="3" t="s">
        <v>7</v>
      </c>
    </row>
    <row r="16" spans="1:15" x14ac:dyDescent="0.2">
      <c r="A16" s="13" t="s">
        <v>7</v>
      </c>
      <c r="B16" s="13" t="s">
        <v>285</v>
      </c>
      <c r="C16" s="14">
        <v>1160159</v>
      </c>
      <c r="D16" s="13" t="s">
        <v>143</v>
      </c>
      <c r="E16" s="14">
        <v>513534974</v>
      </c>
      <c r="F16" s="13" t="s">
        <v>283</v>
      </c>
      <c r="G16" s="13" t="s">
        <v>85</v>
      </c>
      <c r="H16" s="16">
        <v>507</v>
      </c>
      <c r="I16" s="16">
        <v>3828</v>
      </c>
      <c r="J16" s="16">
        <v>0</v>
      </c>
      <c r="K16" s="16">
        <v>19.41</v>
      </c>
      <c r="L16" s="15">
        <v>2.9999999999999997E-4</v>
      </c>
      <c r="M16" s="15">
        <v>1.5E-3</v>
      </c>
      <c r="N16" s="15">
        <v>8.9999999999999998E-4</v>
      </c>
      <c r="O16" s="13" t="s">
        <v>7</v>
      </c>
    </row>
    <row r="17" spans="1:15" x14ac:dyDescent="0.2">
      <c r="A17" s="3" t="s">
        <v>7</v>
      </c>
      <c r="B17" s="3" t="s">
        <v>286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12">
        <v>0</v>
      </c>
      <c r="I17" s="3" t="s">
        <v>7</v>
      </c>
      <c r="J17" s="12">
        <v>0</v>
      </c>
      <c r="K17" s="12">
        <v>0</v>
      </c>
      <c r="L17" s="3" t="s">
        <v>7</v>
      </c>
      <c r="M17" s="11">
        <v>0</v>
      </c>
      <c r="N17" s="11">
        <v>0</v>
      </c>
      <c r="O17" s="3" t="s">
        <v>7</v>
      </c>
    </row>
    <row r="18" spans="1:15" x14ac:dyDescent="0.2">
      <c r="A18" s="3" t="s">
        <v>7</v>
      </c>
      <c r="B18" s="3" t="s">
        <v>287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12">
        <v>0</v>
      </c>
      <c r="I18" s="3" t="s">
        <v>7</v>
      </c>
      <c r="J18" s="12">
        <v>0</v>
      </c>
      <c r="K18" s="12">
        <v>0</v>
      </c>
      <c r="L18" s="3" t="s">
        <v>7</v>
      </c>
      <c r="M18" s="11">
        <v>0</v>
      </c>
      <c r="N18" s="11">
        <v>0</v>
      </c>
      <c r="O18" s="3" t="s">
        <v>7</v>
      </c>
    </row>
    <row r="19" spans="1:15" x14ac:dyDescent="0.2">
      <c r="A19" s="3" t="s">
        <v>7</v>
      </c>
      <c r="B19" s="3" t="s">
        <v>288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12">
        <v>0</v>
      </c>
      <c r="I19" s="3" t="s">
        <v>7</v>
      </c>
      <c r="J19" s="12">
        <v>0</v>
      </c>
      <c r="K19" s="12">
        <v>0</v>
      </c>
      <c r="L19" s="3" t="s">
        <v>7</v>
      </c>
      <c r="M19" s="11">
        <v>0</v>
      </c>
      <c r="N19" s="11">
        <v>0</v>
      </c>
      <c r="O19" s="3" t="s">
        <v>7</v>
      </c>
    </row>
    <row r="20" spans="1:15" x14ac:dyDescent="0.2">
      <c r="A20" s="3" t="s">
        <v>7</v>
      </c>
      <c r="B20" s="3" t="s">
        <v>289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12">
        <v>0</v>
      </c>
      <c r="I20" s="3" t="s">
        <v>7</v>
      </c>
      <c r="J20" s="12">
        <v>0</v>
      </c>
      <c r="K20" s="12">
        <v>0</v>
      </c>
      <c r="L20" s="3" t="s">
        <v>7</v>
      </c>
      <c r="M20" s="11">
        <v>0</v>
      </c>
      <c r="N20" s="11">
        <v>0</v>
      </c>
      <c r="O20" s="3" t="s">
        <v>7</v>
      </c>
    </row>
    <row r="21" spans="1:15" x14ac:dyDescent="0.2">
      <c r="A21" s="3" t="s">
        <v>7</v>
      </c>
      <c r="B21" s="3" t="s">
        <v>92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12">
        <v>38921</v>
      </c>
      <c r="I21" s="3" t="s">
        <v>7</v>
      </c>
      <c r="J21" s="12">
        <v>3.89</v>
      </c>
      <c r="K21" s="12">
        <v>12118.95</v>
      </c>
      <c r="L21" s="3" t="s">
        <v>7</v>
      </c>
      <c r="M21" s="11">
        <v>0.97</v>
      </c>
      <c r="N21" s="11">
        <v>0.58650000000000002</v>
      </c>
      <c r="O21" s="3" t="s">
        <v>7</v>
      </c>
    </row>
    <row r="22" spans="1:15" x14ac:dyDescent="0.2">
      <c r="A22" s="3" t="s">
        <v>7</v>
      </c>
      <c r="B22" s="3" t="s">
        <v>290</v>
      </c>
      <c r="C22" s="3" t="s">
        <v>7</v>
      </c>
      <c r="D22" s="3" t="s">
        <v>7</v>
      </c>
      <c r="E22" s="3" t="s">
        <v>7</v>
      </c>
      <c r="F22" s="3" t="s">
        <v>7</v>
      </c>
      <c r="G22" s="3" t="s">
        <v>7</v>
      </c>
      <c r="H22" s="12">
        <v>38921</v>
      </c>
      <c r="I22" s="3" t="s">
        <v>7</v>
      </c>
      <c r="J22" s="12">
        <v>3.89</v>
      </c>
      <c r="K22" s="12">
        <v>12118.95</v>
      </c>
      <c r="L22" s="3" t="s">
        <v>7</v>
      </c>
      <c r="M22" s="11">
        <v>0.97</v>
      </c>
      <c r="N22" s="11">
        <v>0.58650000000000002</v>
      </c>
      <c r="O22" s="3" t="s">
        <v>7</v>
      </c>
    </row>
    <row r="23" spans="1:15" x14ac:dyDescent="0.2">
      <c r="A23" s="13" t="s">
        <v>7</v>
      </c>
      <c r="B23" s="13" t="s">
        <v>291</v>
      </c>
      <c r="C23" s="13" t="s">
        <v>292</v>
      </c>
      <c r="D23" s="13" t="s">
        <v>225</v>
      </c>
      <c r="E23" s="14">
        <v>99568</v>
      </c>
      <c r="F23" s="13" t="s">
        <v>283</v>
      </c>
      <c r="G23" s="13" t="s">
        <v>48</v>
      </c>
      <c r="H23" s="16">
        <v>761</v>
      </c>
      <c r="I23" s="16">
        <v>4666</v>
      </c>
      <c r="J23" s="16">
        <v>0</v>
      </c>
      <c r="K23" s="16">
        <v>118.38</v>
      </c>
      <c r="L23" s="15">
        <v>0</v>
      </c>
      <c r="M23" s="15">
        <v>9.4999999999999998E-3</v>
      </c>
      <c r="N23" s="15">
        <v>5.7000000000000002E-3</v>
      </c>
      <c r="O23" s="14">
        <v>60039435</v>
      </c>
    </row>
    <row r="24" spans="1:15" x14ac:dyDescent="0.2">
      <c r="A24" s="13" t="s">
        <v>7</v>
      </c>
      <c r="B24" s="13" t="s">
        <v>293</v>
      </c>
      <c r="C24" s="13" t="s">
        <v>294</v>
      </c>
      <c r="D24" s="13" t="s">
        <v>225</v>
      </c>
      <c r="E24" s="14">
        <v>98339</v>
      </c>
      <c r="F24" s="13" t="s">
        <v>283</v>
      </c>
      <c r="G24" s="13" t="s">
        <v>48</v>
      </c>
      <c r="H24" s="16">
        <v>1522</v>
      </c>
      <c r="I24" s="16">
        <v>6786.5</v>
      </c>
      <c r="J24" s="16">
        <v>0</v>
      </c>
      <c r="K24" s="16">
        <v>344.37</v>
      </c>
      <c r="L24" s="15">
        <v>0</v>
      </c>
      <c r="M24" s="15">
        <v>2.76E-2</v>
      </c>
      <c r="N24" s="15">
        <v>1.67E-2</v>
      </c>
      <c r="O24" s="14">
        <v>60133352</v>
      </c>
    </row>
    <row r="25" spans="1:15" x14ac:dyDescent="0.2">
      <c r="A25" s="13" t="s">
        <v>7</v>
      </c>
      <c r="B25" s="13" t="s">
        <v>295</v>
      </c>
      <c r="C25" s="13" t="s">
        <v>296</v>
      </c>
      <c r="D25" s="13" t="s">
        <v>225</v>
      </c>
      <c r="E25" s="14">
        <v>98339</v>
      </c>
      <c r="F25" s="13" t="s">
        <v>283</v>
      </c>
      <c r="G25" s="13" t="s">
        <v>48</v>
      </c>
      <c r="H25" s="16">
        <v>264</v>
      </c>
      <c r="I25" s="16">
        <v>33036</v>
      </c>
      <c r="J25" s="16">
        <v>0</v>
      </c>
      <c r="K25" s="16">
        <v>290.77</v>
      </c>
      <c r="L25" s="15">
        <v>0</v>
      </c>
      <c r="M25" s="15">
        <v>2.3300000000000001E-2</v>
      </c>
      <c r="N25" s="15">
        <v>1.41E-2</v>
      </c>
      <c r="O25" s="14">
        <v>60077435</v>
      </c>
    </row>
    <row r="26" spans="1:15" x14ac:dyDescent="0.2">
      <c r="A26" s="13" t="s">
        <v>7</v>
      </c>
      <c r="B26" s="13" t="s">
        <v>297</v>
      </c>
      <c r="C26" s="13" t="s">
        <v>298</v>
      </c>
      <c r="D26" s="13" t="s">
        <v>225</v>
      </c>
      <c r="E26" s="14">
        <v>98555</v>
      </c>
      <c r="F26" s="13" t="s">
        <v>283</v>
      </c>
      <c r="G26" s="13" t="s">
        <v>48</v>
      </c>
      <c r="H26" s="16">
        <v>187</v>
      </c>
      <c r="I26" s="16">
        <v>26985</v>
      </c>
      <c r="J26" s="16">
        <v>0</v>
      </c>
      <c r="K26" s="16">
        <v>168.24</v>
      </c>
      <c r="L26" s="15">
        <v>0</v>
      </c>
      <c r="M26" s="15">
        <v>1.35E-2</v>
      </c>
      <c r="N26" s="15">
        <v>8.0999999999999996E-3</v>
      </c>
      <c r="O26" s="14">
        <v>60150133</v>
      </c>
    </row>
    <row r="27" spans="1:15" x14ac:dyDescent="0.2">
      <c r="A27" s="13" t="s">
        <v>7</v>
      </c>
      <c r="B27" s="13" t="s">
        <v>299</v>
      </c>
      <c r="C27" s="13" t="s">
        <v>300</v>
      </c>
      <c r="D27" s="13" t="s">
        <v>190</v>
      </c>
      <c r="E27" s="14">
        <v>97153</v>
      </c>
      <c r="F27" s="13" t="s">
        <v>283</v>
      </c>
      <c r="G27" s="13" t="s">
        <v>48</v>
      </c>
      <c r="H27" s="16">
        <v>3681</v>
      </c>
      <c r="I27" s="16">
        <v>6189</v>
      </c>
      <c r="J27" s="16">
        <v>0</v>
      </c>
      <c r="K27" s="16">
        <v>759.54</v>
      </c>
      <c r="L27" s="15">
        <v>1E-4</v>
      </c>
      <c r="M27" s="15">
        <v>6.08E-2</v>
      </c>
      <c r="N27" s="15">
        <v>3.6799999999999999E-2</v>
      </c>
      <c r="O27" s="14">
        <v>60310638</v>
      </c>
    </row>
    <row r="28" spans="1:15" x14ac:dyDescent="0.2">
      <c r="A28" s="13" t="s">
        <v>7</v>
      </c>
      <c r="B28" s="13" t="s">
        <v>301</v>
      </c>
      <c r="C28" s="13" t="s">
        <v>302</v>
      </c>
      <c r="D28" s="13" t="s">
        <v>190</v>
      </c>
      <c r="E28" s="14">
        <v>97153</v>
      </c>
      <c r="F28" s="13" t="s">
        <v>283</v>
      </c>
      <c r="G28" s="13" t="s">
        <v>48</v>
      </c>
      <c r="H28" s="16">
        <v>2085</v>
      </c>
      <c r="I28" s="16">
        <v>9177</v>
      </c>
      <c r="J28" s="16">
        <v>0</v>
      </c>
      <c r="K28" s="16">
        <v>637.92999999999995</v>
      </c>
      <c r="L28" s="15">
        <v>1E-4</v>
      </c>
      <c r="M28" s="15">
        <v>5.11E-2</v>
      </c>
      <c r="N28" s="15">
        <v>3.09E-2</v>
      </c>
      <c r="O28" s="14">
        <v>62015722</v>
      </c>
    </row>
    <row r="29" spans="1:15" x14ac:dyDescent="0.2">
      <c r="A29" s="13" t="s">
        <v>7</v>
      </c>
      <c r="B29" s="13" t="s">
        <v>303</v>
      </c>
      <c r="C29" s="13" t="s">
        <v>304</v>
      </c>
      <c r="D29" s="13" t="s">
        <v>203</v>
      </c>
      <c r="E29" s="14">
        <v>99341</v>
      </c>
      <c r="F29" s="13" t="s">
        <v>283</v>
      </c>
      <c r="G29" s="13" t="s">
        <v>48</v>
      </c>
      <c r="H29" s="16">
        <v>617</v>
      </c>
      <c r="I29" s="16">
        <v>42399</v>
      </c>
      <c r="J29" s="16">
        <v>0</v>
      </c>
      <c r="K29" s="16">
        <v>872.18</v>
      </c>
      <c r="L29" s="15">
        <v>0</v>
      </c>
      <c r="M29" s="15">
        <v>6.9800000000000001E-2</v>
      </c>
      <c r="N29" s="15">
        <v>4.2200000000000001E-2</v>
      </c>
      <c r="O29" s="14">
        <v>60021425</v>
      </c>
    </row>
    <row r="30" spans="1:15" x14ac:dyDescent="0.2">
      <c r="A30" s="13" t="s">
        <v>7</v>
      </c>
      <c r="B30" s="13" t="s">
        <v>305</v>
      </c>
      <c r="C30" s="13" t="s">
        <v>306</v>
      </c>
      <c r="D30" s="13" t="s">
        <v>203</v>
      </c>
      <c r="E30" s="14">
        <v>99588</v>
      </c>
      <c r="F30" s="13" t="s">
        <v>283</v>
      </c>
      <c r="G30" s="13" t="s">
        <v>48</v>
      </c>
      <c r="H30" s="16">
        <v>197</v>
      </c>
      <c r="I30" s="16">
        <v>9266</v>
      </c>
      <c r="J30" s="16">
        <v>0</v>
      </c>
      <c r="K30" s="16">
        <v>60.86</v>
      </c>
      <c r="L30" s="15">
        <v>0</v>
      </c>
      <c r="M30" s="15">
        <v>4.8999999999999998E-3</v>
      </c>
      <c r="N30" s="15">
        <v>2.8999999999999998E-3</v>
      </c>
      <c r="O30" s="14">
        <v>60205473</v>
      </c>
    </row>
    <row r="31" spans="1:15" x14ac:dyDescent="0.2">
      <c r="A31" s="13" t="s">
        <v>7</v>
      </c>
      <c r="B31" s="13" t="s">
        <v>307</v>
      </c>
      <c r="C31" s="13" t="s">
        <v>308</v>
      </c>
      <c r="D31" s="13" t="s">
        <v>225</v>
      </c>
      <c r="E31" s="14">
        <v>99237</v>
      </c>
      <c r="F31" s="13" t="s">
        <v>283</v>
      </c>
      <c r="G31" s="13" t="s">
        <v>48</v>
      </c>
      <c r="H31" s="16">
        <v>600</v>
      </c>
      <c r="I31" s="16">
        <v>36430</v>
      </c>
      <c r="J31" s="16">
        <v>0</v>
      </c>
      <c r="K31" s="16">
        <v>728.75</v>
      </c>
      <c r="L31" s="15">
        <v>0</v>
      </c>
      <c r="M31" s="15">
        <v>5.8299999999999998E-2</v>
      </c>
      <c r="N31" s="15">
        <v>3.5299999999999998E-2</v>
      </c>
      <c r="O31" s="14">
        <v>60604105</v>
      </c>
    </row>
    <row r="32" spans="1:15" x14ac:dyDescent="0.2">
      <c r="A32" s="13" t="s">
        <v>7</v>
      </c>
      <c r="B32" s="13" t="s">
        <v>309</v>
      </c>
      <c r="C32" s="13" t="s">
        <v>310</v>
      </c>
      <c r="D32" s="13" t="s">
        <v>203</v>
      </c>
      <c r="E32" s="14">
        <v>99237</v>
      </c>
      <c r="F32" s="13" t="s">
        <v>283</v>
      </c>
      <c r="G32" s="13" t="s">
        <v>48</v>
      </c>
      <c r="H32" s="16">
        <v>647</v>
      </c>
      <c r="I32" s="16">
        <v>17827</v>
      </c>
      <c r="J32" s="16">
        <v>0</v>
      </c>
      <c r="K32" s="16">
        <v>384.55</v>
      </c>
      <c r="L32" s="15">
        <v>0</v>
      </c>
      <c r="M32" s="15">
        <v>3.0800000000000001E-2</v>
      </c>
      <c r="N32" s="15">
        <v>1.8599999999999998E-2</v>
      </c>
      <c r="O32" s="14">
        <v>60600970</v>
      </c>
    </row>
    <row r="33" spans="1:15" x14ac:dyDescent="0.2">
      <c r="A33" s="13" t="s">
        <v>7</v>
      </c>
      <c r="B33" s="13" t="s">
        <v>311</v>
      </c>
      <c r="C33" s="13" t="s">
        <v>312</v>
      </c>
      <c r="D33" s="13" t="s">
        <v>225</v>
      </c>
      <c r="E33" s="14">
        <v>99343</v>
      </c>
      <c r="F33" s="13" t="s">
        <v>283</v>
      </c>
      <c r="G33" s="13" t="s">
        <v>48</v>
      </c>
      <c r="H33" s="16">
        <v>1461</v>
      </c>
      <c r="I33" s="16">
        <v>13096</v>
      </c>
      <c r="J33" s="16">
        <v>0</v>
      </c>
      <c r="K33" s="16">
        <v>637.9</v>
      </c>
      <c r="L33" s="15">
        <v>1E-4</v>
      </c>
      <c r="M33" s="15">
        <v>5.11E-2</v>
      </c>
      <c r="N33" s="15">
        <v>3.09E-2</v>
      </c>
      <c r="O33" s="14">
        <v>60157997</v>
      </c>
    </row>
    <row r="34" spans="1:15" x14ac:dyDescent="0.2">
      <c r="A34" s="13" t="s">
        <v>7</v>
      </c>
      <c r="B34" s="13" t="s">
        <v>313</v>
      </c>
      <c r="C34" s="13" t="s">
        <v>314</v>
      </c>
      <c r="D34" s="13" t="s">
        <v>225</v>
      </c>
      <c r="E34" s="14">
        <v>99506</v>
      </c>
      <c r="F34" s="13" t="s">
        <v>283</v>
      </c>
      <c r="G34" s="13" t="s">
        <v>48</v>
      </c>
      <c r="H34" s="16">
        <v>744</v>
      </c>
      <c r="I34" s="16">
        <v>7037</v>
      </c>
      <c r="J34" s="16">
        <v>0</v>
      </c>
      <c r="K34" s="16">
        <v>174.55</v>
      </c>
      <c r="L34" s="15">
        <v>0</v>
      </c>
      <c r="M34" s="15">
        <v>1.4E-2</v>
      </c>
      <c r="N34" s="15">
        <v>8.3999999999999995E-3</v>
      </c>
      <c r="O34" s="14">
        <v>60133634</v>
      </c>
    </row>
    <row r="35" spans="1:15" x14ac:dyDescent="0.2">
      <c r="A35" s="13" t="s">
        <v>7</v>
      </c>
      <c r="B35" s="13" t="s">
        <v>315</v>
      </c>
      <c r="C35" s="13" t="s">
        <v>316</v>
      </c>
      <c r="D35" s="13" t="s">
        <v>225</v>
      </c>
      <c r="E35" s="14">
        <v>99506</v>
      </c>
      <c r="F35" s="13" t="s">
        <v>283</v>
      </c>
      <c r="G35" s="13" t="s">
        <v>48</v>
      </c>
      <c r="H35" s="16">
        <v>1929</v>
      </c>
      <c r="I35" s="16">
        <v>13281</v>
      </c>
      <c r="J35" s="16">
        <v>0</v>
      </c>
      <c r="K35" s="16">
        <v>854.14</v>
      </c>
      <c r="L35" s="15">
        <v>0</v>
      </c>
      <c r="M35" s="15">
        <v>6.8400000000000002E-2</v>
      </c>
      <c r="N35" s="15">
        <v>4.1300000000000003E-2</v>
      </c>
      <c r="O35" s="14">
        <v>108183</v>
      </c>
    </row>
    <row r="36" spans="1:15" x14ac:dyDescent="0.2">
      <c r="A36" s="13" t="s">
        <v>7</v>
      </c>
      <c r="B36" s="13" t="s">
        <v>317</v>
      </c>
      <c r="C36" s="13" t="s">
        <v>318</v>
      </c>
      <c r="D36" s="13" t="s">
        <v>225</v>
      </c>
      <c r="E36" s="14">
        <v>99506</v>
      </c>
      <c r="F36" s="13" t="s">
        <v>283</v>
      </c>
      <c r="G36" s="13" t="s">
        <v>48</v>
      </c>
      <c r="H36" s="16">
        <v>363</v>
      </c>
      <c r="I36" s="16">
        <v>16807</v>
      </c>
      <c r="J36" s="16">
        <v>0</v>
      </c>
      <c r="K36" s="16">
        <v>203.4</v>
      </c>
      <c r="L36" s="15">
        <v>0</v>
      </c>
      <c r="M36" s="15">
        <v>1.6299999999999999E-2</v>
      </c>
      <c r="N36" s="15">
        <v>9.7999999999999997E-3</v>
      </c>
      <c r="O36" s="14">
        <v>60021169</v>
      </c>
    </row>
    <row r="37" spans="1:15" x14ac:dyDescent="0.2">
      <c r="A37" s="13" t="s">
        <v>7</v>
      </c>
      <c r="B37" s="13" t="s">
        <v>319</v>
      </c>
      <c r="C37" s="13" t="s">
        <v>320</v>
      </c>
      <c r="D37" s="13" t="s">
        <v>225</v>
      </c>
      <c r="E37" s="14">
        <v>99148</v>
      </c>
      <c r="F37" s="13" t="s">
        <v>283</v>
      </c>
      <c r="G37" s="13" t="s">
        <v>48</v>
      </c>
      <c r="H37" s="16">
        <v>997</v>
      </c>
      <c r="I37" s="16">
        <v>9845</v>
      </c>
      <c r="J37" s="16">
        <v>0</v>
      </c>
      <c r="K37" s="16">
        <v>327.25</v>
      </c>
      <c r="L37" s="15">
        <v>0</v>
      </c>
      <c r="M37" s="15">
        <v>2.6200000000000001E-2</v>
      </c>
      <c r="N37" s="15">
        <v>1.5800000000000002E-2</v>
      </c>
      <c r="O37" s="14">
        <v>60094026</v>
      </c>
    </row>
    <row r="38" spans="1:15" x14ac:dyDescent="0.2">
      <c r="A38" s="13" t="s">
        <v>7</v>
      </c>
      <c r="B38" s="13" t="s">
        <v>321</v>
      </c>
      <c r="C38" s="13" t="s">
        <v>322</v>
      </c>
      <c r="D38" s="13" t="s">
        <v>225</v>
      </c>
      <c r="E38" s="14">
        <v>99390</v>
      </c>
      <c r="F38" s="13" t="s">
        <v>283</v>
      </c>
      <c r="G38" s="13" t="s">
        <v>48</v>
      </c>
      <c r="H38" s="16">
        <v>944</v>
      </c>
      <c r="I38" s="16">
        <v>3405</v>
      </c>
      <c r="J38" s="16">
        <v>0</v>
      </c>
      <c r="K38" s="16">
        <v>107.16</v>
      </c>
      <c r="L38" s="15">
        <v>0</v>
      </c>
      <c r="M38" s="15">
        <v>8.6E-3</v>
      </c>
      <c r="N38" s="15">
        <v>5.1999999999999998E-3</v>
      </c>
      <c r="O38" s="14">
        <v>111575</v>
      </c>
    </row>
    <row r="39" spans="1:15" x14ac:dyDescent="0.2">
      <c r="A39" s="13" t="s">
        <v>7</v>
      </c>
      <c r="B39" s="13" t="s">
        <v>323</v>
      </c>
      <c r="C39" s="13" t="s">
        <v>324</v>
      </c>
      <c r="D39" s="13" t="s">
        <v>225</v>
      </c>
      <c r="E39" s="14">
        <v>99390</v>
      </c>
      <c r="F39" s="13" t="s">
        <v>283</v>
      </c>
      <c r="G39" s="13" t="s">
        <v>48</v>
      </c>
      <c r="H39" s="16">
        <v>636</v>
      </c>
      <c r="I39" s="16">
        <v>11674</v>
      </c>
      <c r="J39" s="16">
        <v>0</v>
      </c>
      <c r="K39" s="16">
        <v>247.54</v>
      </c>
      <c r="L39" s="15">
        <v>0</v>
      </c>
      <c r="M39" s="15">
        <v>1.9800000000000002E-2</v>
      </c>
      <c r="N39" s="15">
        <v>1.2E-2</v>
      </c>
      <c r="O39" s="14">
        <v>108209</v>
      </c>
    </row>
    <row r="40" spans="1:15" x14ac:dyDescent="0.2">
      <c r="A40" s="13" t="s">
        <v>7</v>
      </c>
      <c r="B40" s="13" t="s">
        <v>325</v>
      </c>
      <c r="C40" s="13" t="s">
        <v>326</v>
      </c>
      <c r="D40" s="13" t="s">
        <v>190</v>
      </c>
      <c r="E40" s="14">
        <v>97124</v>
      </c>
      <c r="F40" s="13" t="s">
        <v>283</v>
      </c>
      <c r="G40" s="13" t="s">
        <v>48</v>
      </c>
      <c r="H40" s="16">
        <v>1871</v>
      </c>
      <c r="I40" s="16">
        <v>2691</v>
      </c>
      <c r="J40" s="16">
        <v>0</v>
      </c>
      <c r="K40" s="16">
        <v>167.86</v>
      </c>
      <c r="L40" s="15">
        <v>0</v>
      </c>
      <c r="M40" s="15">
        <v>1.34E-2</v>
      </c>
      <c r="N40" s="15">
        <v>8.0999999999999996E-3</v>
      </c>
      <c r="O40" s="14">
        <v>20002104</v>
      </c>
    </row>
    <row r="41" spans="1:15" x14ac:dyDescent="0.2">
      <c r="A41" s="13" t="s">
        <v>7</v>
      </c>
      <c r="B41" s="13" t="s">
        <v>327</v>
      </c>
      <c r="C41" s="13" t="s">
        <v>328</v>
      </c>
      <c r="D41" s="13" t="s">
        <v>265</v>
      </c>
      <c r="E41" s="14">
        <v>99568</v>
      </c>
      <c r="F41" s="13" t="s">
        <v>283</v>
      </c>
      <c r="G41" s="13" t="s">
        <v>50</v>
      </c>
      <c r="H41" s="16">
        <v>1963</v>
      </c>
      <c r="I41" s="16">
        <v>660.9</v>
      </c>
      <c r="J41" s="16">
        <v>0</v>
      </c>
      <c r="K41" s="16">
        <v>59.51</v>
      </c>
      <c r="L41" s="15">
        <v>0</v>
      </c>
      <c r="M41" s="15">
        <v>4.7999999999999996E-3</v>
      </c>
      <c r="N41" s="15">
        <v>2.8999999999999998E-3</v>
      </c>
      <c r="O41" s="14">
        <v>60055522</v>
      </c>
    </row>
    <row r="42" spans="1:15" x14ac:dyDescent="0.2">
      <c r="A42" s="13" t="s">
        <v>7</v>
      </c>
      <c r="B42" s="13" t="s">
        <v>329</v>
      </c>
      <c r="C42" s="13" t="s">
        <v>330</v>
      </c>
      <c r="D42" s="13" t="s">
        <v>190</v>
      </c>
      <c r="E42" s="14">
        <v>513552224</v>
      </c>
      <c r="F42" s="13" t="s">
        <v>283</v>
      </c>
      <c r="G42" s="13" t="s">
        <v>85</v>
      </c>
      <c r="H42" s="16">
        <v>1070</v>
      </c>
      <c r="I42" s="16">
        <v>19490.560000000001</v>
      </c>
      <c r="J42" s="16">
        <v>0</v>
      </c>
      <c r="K42" s="16">
        <v>208.55</v>
      </c>
      <c r="L42" s="15">
        <v>0</v>
      </c>
      <c r="M42" s="15">
        <v>1.67E-2</v>
      </c>
      <c r="N42" s="15">
        <v>1.01E-2</v>
      </c>
      <c r="O42" s="14">
        <v>62006341</v>
      </c>
    </row>
    <row r="43" spans="1:15" x14ac:dyDescent="0.2">
      <c r="A43" s="13" t="s">
        <v>7</v>
      </c>
      <c r="B43" s="13" t="s">
        <v>331</v>
      </c>
      <c r="C43" s="13" t="s">
        <v>332</v>
      </c>
      <c r="D43" s="13" t="s">
        <v>203</v>
      </c>
      <c r="E43" s="14">
        <v>99965</v>
      </c>
      <c r="F43" s="13" t="s">
        <v>283</v>
      </c>
      <c r="G43" s="13" t="s">
        <v>48</v>
      </c>
      <c r="H43" s="16">
        <v>1228</v>
      </c>
      <c r="I43" s="16">
        <v>31913</v>
      </c>
      <c r="J43" s="16">
        <v>1.1200000000000001</v>
      </c>
      <c r="K43" s="16">
        <v>1307.68</v>
      </c>
      <c r="L43" s="15">
        <v>0</v>
      </c>
      <c r="M43" s="15">
        <v>0.1047</v>
      </c>
      <c r="N43" s="15">
        <v>6.3299999999999995E-2</v>
      </c>
      <c r="O43" s="14">
        <v>112243</v>
      </c>
    </row>
    <row r="44" spans="1:15" x14ac:dyDescent="0.2">
      <c r="A44" s="13" t="s">
        <v>7</v>
      </c>
      <c r="B44" s="13" t="s">
        <v>333</v>
      </c>
      <c r="C44" s="13" t="s">
        <v>334</v>
      </c>
      <c r="D44" s="13" t="s">
        <v>190</v>
      </c>
      <c r="E44" s="14">
        <v>97495</v>
      </c>
      <c r="F44" s="13" t="s">
        <v>283</v>
      </c>
      <c r="G44" s="13" t="s">
        <v>56</v>
      </c>
      <c r="H44" s="16">
        <v>1981</v>
      </c>
      <c r="I44" s="16">
        <v>6080</v>
      </c>
      <c r="J44" s="16">
        <v>0</v>
      </c>
      <c r="K44" s="16">
        <v>51.71</v>
      </c>
      <c r="L44" s="15">
        <v>0</v>
      </c>
      <c r="M44" s="15">
        <v>4.1000000000000003E-3</v>
      </c>
      <c r="N44" s="15">
        <v>2.5000000000000001E-3</v>
      </c>
      <c r="O44" s="14">
        <v>60321791</v>
      </c>
    </row>
    <row r="45" spans="1:15" x14ac:dyDescent="0.2">
      <c r="A45" s="13" t="s">
        <v>7</v>
      </c>
      <c r="B45" s="13" t="s">
        <v>335</v>
      </c>
      <c r="C45" s="13" t="s">
        <v>336</v>
      </c>
      <c r="D45" s="13" t="s">
        <v>190</v>
      </c>
      <c r="E45" s="14">
        <v>93273</v>
      </c>
      <c r="F45" s="13" t="s">
        <v>283</v>
      </c>
      <c r="G45" s="13" t="s">
        <v>48</v>
      </c>
      <c r="H45" s="16">
        <v>1239</v>
      </c>
      <c r="I45" s="16">
        <v>7332</v>
      </c>
      <c r="J45" s="16">
        <v>0</v>
      </c>
      <c r="K45" s="16">
        <v>302.87</v>
      </c>
      <c r="L45" s="15">
        <v>0</v>
      </c>
      <c r="M45" s="15">
        <v>2.4199999999999999E-2</v>
      </c>
      <c r="N45" s="15">
        <v>1.47E-2</v>
      </c>
      <c r="O45" s="14">
        <v>62008057</v>
      </c>
    </row>
    <row r="46" spans="1:15" x14ac:dyDescent="0.2">
      <c r="A46" s="13" t="s">
        <v>7</v>
      </c>
      <c r="B46" s="13" t="s">
        <v>337</v>
      </c>
      <c r="C46" s="13" t="s">
        <v>338</v>
      </c>
      <c r="D46" s="13" t="s">
        <v>225</v>
      </c>
      <c r="E46" s="14">
        <v>96154</v>
      </c>
      <c r="F46" s="13" t="s">
        <v>283</v>
      </c>
      <c r="G46" s="13" t="s">
        <v>48</v>
      </c>
      <c r="H46" s="16">
        <v>1300</v>
      </c>
      <c r="I46" s="16">
        <v>3126</v>
      </c>
      <c r="J46" s="16">
        <v>0</v>
      </c>
      <c r="K46" s="16">
        <v>135.49</v>
      </c>
      <c r="L46" s="15">
        <v>1E-4</v>
      </c>
      <c r="M46" s="15">
        <v>1.0800000000000001E-2</v>
      </c>
      <c r="N46" s="15">
        <v>6.6E-3</v>
      </c>
      <c r="O46" s="14">
        <v>74453218</v>
      </c>
    </row>
    <row r="47" spans="1:15" x14ac:dyDescent="0.2">
      <c r="A47" s="13" t="s">
        <v>7</v>
      </c>
      <c r="B47" s="13" t="s">
        <v>339</v>
      </c>
      <c r="C47" s="13" t="s">
        <v>340</v>
      </c>
      <c r="D47" s="13" t="s">
        <v>190</v>
      </c>
      <c r="E47" s="14">
        <v>98697</v>
      </c>
      <c r="F47" s="13" t="s">
        <v>283</v>
      </c>
      <c r="G47" s="13" t="s">
        <v>48</v>
      </c>
      <c r="H47" s="16">
        <v>1550</v>
      </c>
      <c r="I47" s="16">
        <v>4182</v>
      </c>
      <c r="J47" s="16">
        <v>0</v>
      </c>
      <c r="K47" s="16">
        <v>216.11</v>
      </c>
      <c r="L47" s="15">
        <v>2.9999999999999997E-4</v>
      </c>
      <c r="M47" s="15">
        <v>1.7299999999999999E-2</v>
      </c>
      <c r="N47" s="15">
        <v>1.0500000000000001E-2</v>
      </c>
      <c r="O47" s="14">
        <v>62015045</v>
      </c>
    </row>
    <row r="48" spans="1:15" x14ac:dyDescent="0.2">
      <c r="A48" s="13" t="s">
        <v>7</v>
      </c>
      <c r="B48" s="13" t="s">
        <v>341</v>
      </c>
      <c r="C48" s="13" t="s">
        <v>342</v>
      </c>
      <c r="D48" s="13" t="s">
        <v>203</v>
      </c>
      <c r="E48" s="14">
        <v>98677</v>
      </c>
      <c r="F48" s="13" t="s">
        <v>283</v>
      </c>
      <c r="G48" s="13" t="s">
        <v>48</v>
      </c>
      <c r="H48" s="16">
        <v>2050</v>
      </c>
      <c r="I48" s="16">
        <v>2505</v>
      </c>
      <c r="J48" s="16">
        <v>0</v>
      </c>
      <c r="K48" s="16">
        <v>171.21</v>
      </c>
      <c r="L48" s="15">
        <v>1E-4</v>
      </c>
      <c r="M48" s="15">
        <v>1.37E-2</v>
      </c>
      <c r="N48" s="15">
        <v>8.3000000000000001E-3</v>
      </c>
      <c r="O48" s="14">
        <v>76755354</v>
      </c>
    </row>
    <row r="49" spans="1:15" x14ac:dyDescent="0.2">
      <c r="A49" s="13" t="s">
        <v>7</v>
      </c>
      <c r="B49" s="13" t="s">
        <v>343</v>
      </c>
      <c r="C49" s="13" t="s">
        <v>344</v>
      </c>
      <c r="D49" s="13" t="s">
        <v>345</v>
      </c>
      <c r="E49" s="14">
        <v>99307</v>
      </c>
      <c r="F49" s="13" t="s">
        <v>283</v>
      </c>
      <c r="G49" s="13" t="s">
        <v>54</v>
      </c>
      <c r="H49" s="16">
        <v>854</v>
      </c>
      <c r="I49" s="16">
        <v>12772</v>
      </c>
      <c r="J49" s="16">
        <v>0</v>
      </c>
      <c r="K49" s="16">
        <v>426.77</v>
      </c>
      <c r="L49" s="15">
        <v>0</v>
      </c>
      <c r="M49" s="15">
        <v>3.4200000000000001E-2</v>
      </c>
      <c r="N49" s="15">
        <v>2.06E-2</v>
      </c>
      <c r="O49" s="14">
        <v>70597752</v>
      </c>
    </row>
    <row r="50" spans="1:15" x14ac:dyDescent="0.2">
      <c r="A50" s="13" t="s">
        <v>7</v>
      </c>
      <c r="B50" s="13" t="s">
        <v>346</v>
      </c>
      <c r="C50" s="13" t="s">
        <v>347</v>
      </c>
      <c r="D50" s="13" t="s">
        <v>190</v>
      </c>
      <c r="E50" s="14">
        <v>99307</v>
      </c>
      <c r="F50" s="13" t="s">
        <v>283</v>
      </c>
      <c r="G50" s="13" t="s">
        <v>54</v>
      </c>
      <c r="H50" s="16">
        <v>1789</v>
      </c>
      <c r="I50" s="16">
        <v>3941</v>
      </c>
      <c r="J50" s="16">
        <v>0</v>
      </c>
      <c r="K50" s="16">
        <v>275.86</v>
      </c>
      <c r="L50" s="15">
        <v>0</v>
      </c>
      <c r="M50" s="15">
        <v>2.2100000000000002E-2</v>
      </c>
      <c r="N50" s="15">
        <v>1.3299999999999999E-2</v>
      </c>
      <c r="O50" s="14">
        <v>1077486</v>
      </c>
    </row>
    <row r="51" spans="1:15" x14ac:dyDescent="0.2">
      <c r="A51" s="13" t="s">
        <v>7</v>
      </c>
      <c r="B51" s="13" t="s">
        <v>348</v>
      </c>
      <c r="C51" s="13" t="s">
        <v>349</v>
      </c>
      <c r="D51" s="13" t="s">
        <v>225</v>
      </c>
      <c r="E51" s="14">
        <v>99341</v>
      </c>
      <c r="F51" s="13" t="s">
        <v>283</v>
      </c>
      <c r="G51" s="13" t="s">
        <v>48</v>
      </c>
      <c r="H51" s="16">
        <v>1200</v>
      </c>
      <c r="I51" s="16">
        <v>2529</v>
      </c>
      <c r="J51" s="16">
        <v>0</v>
      </c>
      <c r="K51" s="16">
        <v>101.18</v>
      </c>
      <c r="L51" s="15">
        <v>0</v>
      </c>
      <c r="M51" s="15">
        <v>8.0999999999999996E-3</v>
      </c>
      <c r="N51" s="15">
        <v>4.8999999999999998E-3</v>
      </c>
      <c r="O51" s="14">
        <v>76977453</v>
      </c>
    </row>
    <row r="52" spans="1:15" x14ac:dyDescent="0.2">
      <c r="A52" s="13" t="s">
        <v>7</v>
      </c>
      <c r="B52" s="13" t="s">
        <v>350</v>
      </c>
      <c r="C52" s="13" t="s">
        <v>351</v>
      </c>
      <c r="D52" s="13" t="s">
        <v>190</v>
      </c>
      <c r="E52" s="14">
        <v>97857</v>
      </c>
      <c r="F52" s="13" t="s">
        <v>283</v>
      </c>
      <c r="G52" s="13" t="s">
        <v>48</v>
      </c>
      <c r="H52" s="16">
        <v>515</v>
      </c>
      <c r="I52" s="16">
        <v>7635</v>
      </c>
      <c r="J52" s="16">
        <v>0</v>
      </c>
      <c r="K52" s="16">
        <v>131.09</v>
      </c>
      <c r="L52" s="15">
        <v>0</v>
      </c>
      <c r="M52" s="15">
        <v>1.0500000000000001E-2</v>
      </c>
      <c r="N52" s="15">
        <v>6.3E-3</v>
      </c>
      <c r="O52" s="14">
        <v>60354529</v>
      </c>
    </row>
    <row r="53" spans="1:15" x14ac:dyDescent="0.2">
      <c r="A53" s="13" t="s">
        <v>7</v>
      </c>
      <c r="B53" s="13" t="s">
        <v>352</v>
      </c>
      <c r="C53" s="13" t="s">
        <v>353</v>
      </c>
      <c r="D53" s="13" t="s">
        <v>190</v>
      </c>
      <c r="E53" s="14">
        <v>93170</v>
      </c>
      <c r="F53" s="13" t="s">
        <v>283</v>
      </c>
      <c r="G53" s="13" t="s">
        <v>48</v>
      </c>
      <c r="H53" s="16">
        <v>1064</v>
      </c>
      <c r="I53" s="16">
        <v>4424</v>
      </c>
      <c r="J53" s="16">
        <v>0</v>
      </c>
      <c r="K53" s="16">
        <v>156.94</v>
      </c>
      <c r="L53" s="15">
        <v>1E-4</v>
      </c>
      <c r="M53" s="15">
        <v>1.26E-2</v>
      </c>
      <c r="N53" s="15">
        <v>7.6E-3</v>
      </c>
      <c r="O53" s="14">
        <v>62005673</v>
      </c>
    </row>
    <row r="54" spans="1:15" x14ac:dyDescent="0.2">
      <c r="A54" s="13" t="s">
        <v>7</v>
      </c>
      <c r="B54" s="13" t="s">
        <v>354</v>
      </c>
      <c r="C54" s="13" t="s">
        <v>355</v>
      </c>
      <c r="D54" s="13" t="s">
        <v>190</v>
      </c>
      <c r="E54" s="14">
        <v>91465</v>
      </c>
      <c r="F54" s="13" t="s">
        <v>283</v>
      </c>
      <c r="G54" s="13" t="s">
        <v>48</v>
      </c>
      <c r="H54" s="16">
        <v>618</v>
      </c>
      <c r="I54" s="16">
        <v>9576</v>
      </c>
      <c r="J54" s="16">
        <v>0</v>
      </c>
      <c r="K54" s="16">
        <v>197.3</v>
      </c>
      <c r="L54" s="15">
        <v>0</v>
      </c>
      <c r="M54" s="15">
        <v>1.5800000000000002E-2</v>
      </c>
      <c r="N54" s="15">
        <v>9.4999999999999998E-3</v>
      </c>
      <c r="O54" s="14">
        <v>60280450</v>
      </c>
    </row>
    <row r="55" spans="1:15" x14ac:dyDescent="0.2">
      <c r="A55" s="13" t="s">
        <v>7</v>
      </c>
      <c r="B55" s="13" t="s">
        <v>356</v>
      </c>
      <c r="C55" s="13" t="s">
        <v>357</v>
      </c>
      <c r="D55" s="13" t="s">
        <v>225</v>
      </c>
      <c r="E55" s="14">
        <v>99343</v>
      </c>
      <c r="F55" s="13" t="s">
        <v>283</v>
      </c>
      <c r="G55" s="13" t="s">
        <v>48</v>
      </c>
      <c r="H55" s="16">
        <v>113</v>
      </c>
      <c r="I55" s="16">
        <v>33018</v>
      </c>
      <c r="J55" s="16">
        <v>0.17</v>
      </c>
      <c r="K55" s="16">
        <v>124.57</v>
      </c>
      <c r="L55" s="15">
        <v>0</v>
      </c>
      <c r="M55" s="15">
        <v>0.01</v>
      </c>
      <c r="N55" s="15">
        <v>6.0000000000000001E-3</v>
      </c>
      <c r="O55" s="14">
        <v>102624</v>
      </c>
    </row>
    <row r="56" spans="1:15" x14ac:dyDescent="0.2">
      <c r="A56" s="13" t="s">
        <v>7</v>
      </c>
      <c r="B56" s="13" t="s">
        <v>358</v>
      </c>
      <c r="C56" s="13" t="s">
        <v>359</v>
      </c>
      <c r="D56" s="13" t="s">
        <v>225</v>
      </c>
      <c r="E56" s="14">
        <v>99390</v>
      </c>
      <c r="F56" s="13" t="s">
        <v>283</v>
      </c>
      <c r="G56" s="13" t="s">
        <v>48</v>
      </c>
      <c r="H56" s="16">
        <v>881</v>
      </c>
      <c r="I56" s="16">
        <v>39633</v>
      </c>
      <c r="J56" s="16">
        <v>2.6</v>
      </c>
      <c r="K56" s="16">
        <v>1166.72</v>
      </c>
      <c r="L56" s="15">
        <v>0</v>
      </c>
      <c r="M56" s="15">
        <v>9.3399999999999997E-2</v>
      </c>
      <c r="N56" s="15">
        <v>5.6500000000000002E-2</v>
      </c>
      <c r="O56" s="14">
        <v>1056787</v>
      </c>
    </row>
    <row r="57" spans="1:15" x14ac:dyDescent="0.2">
      <c r="A57" s="3" t="s">
        <v>7</v>
      </c>
      <c r="B57" s="3" t="s">
        <v>360</v>
      </c>
      <c r="C57" s="3" t="s">
        <v>7</v>
      </c>
      <c r="D57" s="3" t="s">
        <v>7</v>
      </c>
      <c r="E57" s="3" t="s">
        <v>7</v>
      </c>
      <c r="F57" s="3" t="s">
        <v>7</v>
      </c>
      <c r="G57" s="3" t="s">
        <v>7</v>
      </c>
      <c r="H57" s="12">
        <v>0</v>
      </c>
      <c r="I57" s="3" t="s">
        <v>7</v>
      </c>
      <c r="J57" s="12">
        <v>0</v>
      </c>
      <c r="K57" s="12">
        <v>0</v>
      </c>
      <c r="L57" s="3" t="s">
        <v>7</v>
      </c>
      <c r="M57" s="11">
        <v>0</v>
      </c>
      <c r="N57" s="11">
        <v>0</v>
      </c>
      <c r="O57" s="3" t="s">
        <v>7</v>
      </c>
    </row>
    <row r="58" spans="1:15" x14ac:dyDescent="0.2">
      <c r="A58" s="3" t="s">
        <v>7</v>
      </c>
      <c r="B58" s="3" t="s">
        <v>361</v>
      </c>
      <c r="C58" s="3" t="s">
        <v>7</v>
      </c>
      <c r="D58" s="3" t="s">
        <v>7</v>
      </c>
      <c r="E58" s="3" t="s">
        <v>7</v>
      </c>
      <c r="F58" s="3" t="s">
        <v>7</v>
      </c>
      <c r="G58" s="3" t="s">
        <v>7</v>
      </c>
      <c r="H58" s="12">
        <v>0</v>
      </c>
      <c r="I58" s="3" t="s">
        <v>7</v>
      </c>
      <c r="J58" s="12">
        <v>0</v>
      </c>
      <c r="K58" s="12">
        <v>0</v>
      </c>
      <c r="L58" s="3" t="s">
        <v>7</v>
      </c>
      <c r="M58" s="11">
        <v>0</v>
      </c>
      <c r="N58" s="11">
        <v>0</v>
      </c>
      <c r="O58" s="3" t="s">
        <v>7</v>
      </c>
    </row>
    <row r="59" spans="1:15" x14ac:dyDescent="0.2">
      <c r="A59" s="3" t="s">
        <v>7</v>
      </c>
      <c r="B59" s="3" t="s">
        <v>289</v>
      </c>
      <c r="C59" s="3" t="s">
        <v>7</v>
      </c>
      <c r="D59" s="3" t="s">
        <v>7</v>
      </c>
      <c r="E59" s="3" t="s">
        <v>7</v>
      </c>
      <c r="F59" s="3" t="s">
        <v>7</v>
      </c>
      <c r="G59" s="3" t="s">
        <v>7</v>
      </c>
      <c r="H59" s="12">
        <v>0</v>
      </c>
      <c r="I59" s="3" t="s">
        <v>7</v>
      </c>
      <c r="J59" s="12">
        <v>0</v>
      </c>
      <c r="K59" s="12">
        <v>0</v>
      </c>
      <c r="L59" s="3" t="s">
        <v>7</v>
      </c>
      <c r="M59" s="11">
        <v>0</v>
      </c>
      <c r="N59" s="11">
        <v>0</v>
      </c>
      <c r="O59" s="3" t="s">
        <v>7</v>
      </c>
    </row>
    <row r="60" spans="1:15" x14ac:dyDescent="0.2">
      <c r="A60" s="8" t="s">
        <v>7</v>
      </c>
      <c r="B60" s="8" t="s">
        <v>94</v>
      </c>
      <c r="C60" s="8" t="s">
        <v>7</v>
      </c>
      <c r="D60" s="8" t="s">
        <v>7</v>
      </c>
      <c r="E60" s="8" t="s">
        <v>7</v>
      </c>
      <c r="F60" s="8" t="s">
        <v>7</v>
      </c>
      <c r="G60" s="8" t="s">
        <v>7</v>
      </c>
      <c r="H60" s="8" t="s">
        <v>7</v>
      </c>
      <c r="I60" s="8" t="s">
        <v>7</v>
      </c>
      <c r="J60" s="8" t="s">
        <v>7</v>
      </c>
      <c r="K60" s="8" t="s">
        <v>7</v>
      </c>
      <c r="L60" s="8" t="s">
        <v>7</v>
      </c>
      <c r="M60" s="8" t="s">
        <v>7</v>
      </c>
      <c r="N60" s="8" t="s">
        <v>7</v>
      </c>
      <c r="O60" s="8" t="s">
        <v>7</v>
      </c>
    </row>
    <row r="61" spans="1:15" x14ac:dyDescent="0.2">
      <c r="A61" s="8" t="s">
        <v>7</v>
      </c>
      <c r="B61" s="8" t="s">
        <v>120</v>
      </c>
      <c r="C61" s="8" t="s">
        <v>7</v>
      </c>
      <c r="D61" s="8" t="s">
        <v>7</v>
      </c>
      <c r="E61" s="8" t="s">
        <v>7</v>
      </c>
      <c r="F61" s="8" t="s">
        <v>7</v>
      </c>
      <c r="G61" s="8" t="s">
        <v>7</v>
      </c>
      <c r="H61" s="8" t="s">
        <v>7</v>
      </c>
      <c r="I61" s="8" t="s">
        <v>7</v>
      </c>
      <c r="J61" s="8" t="s">
        <v>7</v>
      </c>
      <c r="K61" s="8" t="s">
        <v>7</v>
      </c>
      <c r="L61" s="8" t="s">
        <v>7</v>
      </c>
      <c r="M61" s="8" t="s">
        <v>7</v>
      </c>
      <c r="N61" s="8" t="s">
        <v>7</v>
      </c>
      <c r="O61" s="8" t="s">
        <v>7</v>
      </c>
    </row>
    <row r="62" spans="1:15" x14ac:dyDescent="0.2">
      <c r="A62" s="7" t="s">
        <v>278</v>
      </c>
      <c r="B62" s="7" t="s">
        <v>59</v>
      </c>
    </row>
  </sheetData>
  <pageMargins left="0.7" right="0.7" top="0.75" bottom="0.75" header="0.3" footer="0.3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4"/>
  <sheetViews>
    <sheetView rightToLeft="1" topLeftCell="A10" workbookViewId="0"/>
  </sheetViews>
  <sheetFormatPr defaultRowHeight="14.25" x14ac:dyDescent="0.2"/>
  <cols>
    <col min="1" max="1" width="2" customWidth="1"/>
    <col min="2" max="2" width="35" customWidth="1"/>
    <col min="3" max="4" width="11" customWidth="1"/>
    <col min="5" max="5" width="12" customWidth="1"/>
    <col min="6" max="6" width="10" customWidth="1"/>
    <col min="7" max="7" width="7" customWidth="1"/>
    <col min="8" max="8" width="9" customWidth="1"/>
    <col min="9" max="10" width="10" customWidth="1"/>
    <col min="11" max="11" width="8" customWidth="1"/>
    <col min="12" max="12" width="10" customWidth="1"/>
    <col min="13" max="13" width="22" customWidth="1"/>
    <col min="14" max="14" width="24" customWidth="1"/>
    <col min="15" max="15" width="23" customWidth="1"/>
    <col min="16" max="16" width="2" customWidth="1"/>
  </cols>
  <sheetData>
    <row r="1" spans="1:16" x14ac:dyDescent="0.2">
      <c r="B1" s="7" t="s">
        <v>0</v>
      </c>
      <c r="C1" s="7" t="s">
        <v>1</v>
      </c>
    </row>
    <row r="2" spans="1:16" x14ac:dyDescent="0.2">
      <c r="B2" s="7" t="s">
        <v>2</v>
      </c>
      <c r="C2" s="7" t="s">
        <v>3</v>
      </c>
    </row>
    <row r="3" spans="1:16" x14ac:dyDescent="0.2">
      <c r="B3" s="7" t="s">
        <v>4</v>
      </c>
      <c r="C3" s="7" t="s">
        <v>5</v>
      </c>
    </row>
    <row r="4" spans="1:16" x14ac:dyDescent="0.2">
      <c r="B4" s="7" t="s">
        <v>6</v>
      </c>
      <c r="C4" s="7">
        <v>1526</v>
      </c>
    </row>
    <row r="5" spans="1:16" x14ac:dyDescent="0.2">
      <c r="B5" s="7" t="s">
        <v>7</v>
      </c>
      <c r="C5" s="7" t="s">
        <v>7</v>
      </c>
    </row>
    <row r="6" spans="1:16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  <c r="N6" s="1" t="s">
        <v>7</v>
      </c>
      <c r="O6" s="1" t="s">
        <v>7</v>
      </c>
      <c r="P6" s="1" t="s">
        <v>7</v>
      </c>
    </row>
    <row r="7" spans="1:16" x14ac:dyDescent="0.2">
      <c r="A7" s="1" t="s">
        <v>7</v>
      </c>
      <c r="B7" s="1" t="s">
        <v>362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  <c r="N7" s="1" t="s">
        <v>7</v>
      </c>
      <c r="O7" s="1" t="s">
        <v>7</v>
      </c>
      <c r="P7" s="1" t="s">
        <v>7</v>
      </c>
    </row>
    <row r="8" spans="1:16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63</v>
      </c>
      <c r="F8" s="1" t="s">
        <v>123</v>
      </c>
      <c r="G8" s="1" t="s">
        <v>64</v>
      </c>
      <c r="H8" s="1" t="s">
        <v>65</v>
      </c>
      <c r="I8" s="1" t="s">
        <v>66</v>
      </c>
      <c r="J8" s="1" t="s">
        <v>100</v>
      </c>
      <c r="K8" s="1" t="s">
        <v>101</v>
      </c>
      <c r="L8" s="1" t="s">
        <v>69</v>
      </c>
      <c r="M8" s="1" t="s">
        <v>103</v>
      </c>
      <c r="N8" s="1" t="s">
        <v>70</v>
      </c>
      <c r="O8" s="1" t="s">
        <v>104</v>
      </c>
      <c r="P8" s="1" t="s">
        <v>7</v>
      </c>
    </row>
    <row r="9" spans="1:16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7</v>
      </c>
      <c r="H9" s="1" t="s">
        <v>7</v>
      </c>
      <c r="I9" s="1" t="s">
        <v>7</v>
      </c>
      <c r="J9" s="1" t="s">
        <v>106</v>
      </c>
      <c r="K9" s="1" t="s">
        <v>107</v>
      </c>
      <c r="L9" s="1" t="s">
        <v>11</v>
      </c>
      <c r="M9" s="1" t="s">
        <v>12</v>
      </c>
      <c r="N9" s="1" t="s">
        <v>12</v>
      </c>
      <c r="O9" s="1" t="s">
        <v>12</v>
      </c>
      <c r="P9" s="1" t="s">
        <v>7</v>
      </c>
    </row>
    <row r="10" spans="1:16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108</v>
      </c>
      <c r="N10" s="1" t="s">
        <v>109</v>
      </c>
      <c r="O10" s="1" t="s">
        <v>110</v>
      </c>
      <c r="P10" s="1" t="s">
        <v>7</v>
      </c>
    </row>
    <row r="11" spans="1:16" x14ac:dyDescent="0.2">
      <c r="A11" s="8" t="s">
        <v>7</v>
      </c>
      <c r="B11" s="8" t="s">
        <v>363</v>
      </c>
      <c r="C11" s="8" t="s">
        <v>7</v>
      </c>
      <c r="D11" s="8" t="s">
        <v>7</v>
      </c>
      <c r="E11" s="8" t="s">
        <v>7</v>
      </c>
      <c r="F11" s="8" t="s">
        <v>7</v>
      </c>
      <c r="G11" s="8" t="s">
        <v>7</v>
      </c>
      <c r="H11" s="8" t="s">
        <v>7</v>
      </c>
      <c r="I11" s="8" t="s">
        <v>7</v>
      </c>
      <c r="J11" s="10">
        <v>0</v>
      </c>
      <c r="K11" s="8" t="s">
        <v>7</v>
      </c>
      <c r="L11" s="10">
        <v>0</v>
      </c>
      <c r="M11" s="8" t="s">
        <v>7</v>
      </c>
      <c r="N11" s="9">
        <v>0</v>
      </c>
      <c r="O11" s="9">
        <v>0</v>
      </c>
      <c r="P11" s="8" t="s">
        <v>7</v>
      </c>
    </row>
    <row r="12" spans="1:16" x14ac:dyDescent="0.2">
      <c r="A12" s="3" t="s">
        <v>7</v>
      </c>
      <c r="B12" s="3" t="s">
        <v>81</v>
      </c>
      <c r="C12" s="3" t="s">
        <v>7</v>
      </c>
      <c r="D12" s="3" t="s">
        <v>7</v>
      </c>
      <c r="E12" s="3" t="s">
        <v>7</v>
      </c>
      <c r="F12" s="3" t="s">
        <v>7</v>
      </c>
      <c r="G12" s="3" t="s">
        <v>7</v>
      </c>
      <c r="H12" s="3" t="s">
        <v>7</v>
      </c>
      <c r="I12" s="3" t="s">
        <v>7</v>
      </c>
      <c r="J12" s="12">
        <v>0</v>
      </c>
      <c r="K12" s="3" t="s">
        <v>7</v>
      </c>
      <c r="L12" s="12">
        <v>0</v>
      </c>
      <c r="M12" s="3" t="s">
        <v>7</v>
      </c>
      <c r="N12" s="11">
        <v>0</v>
      </c>
      <c r="O12" s="11">
        <v>0</v>
      </c>
      <c r="P12" s="3" t="s">
        <v>7</v>
      </c>
    </row>
    <row r="13" spans="1:16" x14ac:dyDescent="0.2">
      <c r="A13" s="3" t="s">
        <v>7</v>
      </c>
      <c r="B13" s="3" t="s">
        <v>364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12">
        <v>0</v>
      </c>
      <c r="K13" s="3" t="s">
        <v>7</v>
      </c>
      <c r="L13" s="12">
        <v>0</v>
      </c>
      <c r="M13" s="3" t="s">
        <v>7</v>
      </c>
      <c r="N13" s="11">
        <v>0</v>
      </c>
      <c r="O13" s="11">
        <v>0</v>
      </c>
      <c r="P13" s="3" t="s">
        <v>7</v>
      </c>
    </row>
    <row r="14" spans="1:16" x14ac:dyDescent="0.2">
      <c r="A14" s="3" t="s">
        <v>7</v>
      </c>
      <c r="B14" s="3" t="s">
        <v>365</v>
      </c>
      <c r="C14" s="3" t="s">
        <v>7</v>
      </c>
      <c r="D14" s="3" t="s">
        <v>7</v>
      </c>
      <c r="E14" s="3" t="s">
        <v>7</v>
      </c>
      <c r="F14" s="3" t="s">
        <v>7</v>
      </c>
      <c r="G14" s="3" t="s">
        <v>7</v>
      </c>
      <c r="H14" s="3" t="s">
        <v>7</v>
      </c>
      <c r="I14" s="3" t="s">
        <v>7</v>
      </c>
      <c r="J14" s="12">
        <v>0</v>
      </c>
      <c r="K14" s="3" t="s">
        <v>7</v>
      </c>
      <c r="L14" s="12">
        <v>0</v>
      </c>
      <c r="M14" s="3" t="s">
        <v>7</v>
      </c>
      <c r="N14" s="11">
        <v>0</v>
      </c>
      <c r="O14" s="11">
        <v>0</v>
      </c>
      <c r="P14" s="3" t="s">
        <v>7</v>
      </c>
    </row>
    <row r="15" spans="1:16" x14ac:dyDescent="0.2">
      <c r="A15" s="3" t="s">
        <v>7</v>
      </c>
      <c r="B15" s="3" t="s">
        <v>140</v>
      </c>
      <c r="C15" s="3" t="s">
        <v>7</v>
      </c>
      <c r="D15" s="3" t="s">
        <v>7</v>
      </c>
      <c r="E15" s="3" t="s">
        <v>7</v>
      </c>
      <c r="F15" s="3" t="s">
        <v>7</v>
      </c>
      <c r="G15" s="3" t="s">
        <v>7</v>
      </c>
      <c r="H15" s="3" t="s">
        <v>7</v>
      </c>
      <c r="I15" s="3" t="s">
        <v>7</v>
      </c>
      <c r="J15" s="12">
        <v>0</v>
      </c>
      <c r="K15" s="3" t="s">
        <v>7</v>
      </c>
      <c r="L15" s="12">
        <v>0</v>
      </c>
      <c r="M15" s="3" t="s">
        <v>7</v>
      </c>
      <c r="N15" s="11">
        <v>0</v>
      </c>
      <c r="O15" s="11">
        <v>0</v>
      </c>
      <c r="P15" s="3" t="s">
        <v>7</v>
      </c>
    </row>
    <row r="16" spans="1:16" x14ac:dyDescent="0.2">
      <c r="A16" s="3" t="s">
        <v>7</v>
      </c>
      <c r="B16" s="3" t="s">
        <v>288</v>
      </c>
      <c r="C16" s="3" t="s">
        <v>7</v>
      </c>
      <c r="D16" s="3" t="s">
        <v>7</v>
      </c>
      <c r="E16" s="3" t="s">
        <v>7</v>
      </c>
      <c r="F16" s="3" t="s">
        <v>7</v>
      </c>
      <c r="G16" s="3" t="s">
        <v>7</v>
      </c>
      <c r="H16" s="3" t="s">
        <v>7</v>
      </c>
      <c r="I16" s="3" t="s">
        <v>7</v>
      </c>
      <c r="J16" s="12">
        <v>0</v>
      </c>
      <c r="K16" s="3" t="s">
        <v>7</v>
      </c>
      <c r="L16" s="12">
        <v>0</v>
      </c>
      <c r="M16" s="3" t="s">
        <v>7</v>
      </c>
      <c r="N16" s="11">
        <v>0</v>
      </c>
      <c r="O16" s="11">
        <v>0</v>
      </c>
      <c r="P16" s="3" t="s">
        <v>7</v>
      </c>
    </row>
    <row r="17" spans="1:16" x14ac:dyDescent="0.2">
      <c r="A17" s="3" t="s">
        <v>7</v>
      </c>
      <c r="B17" s="3" t="s">
        <v>92</v>
      </c>
      <c r="C17" s="3" t="s">
        <v>7</v>
      </c>
      <c r="D17" s="3" t="s">
        <v>7</v>
      </c>
      <c r="E17" s="3" t="s">
        <v>7</v>
      </c>
      <c r="F17" s="3" t="s">
        <v>7</v>
      </c>
      <c r="G17" s="3" t="s">
        <v>7</v>
      </c>
      <c r="H17" s="3" t="s">
        <v>7</v>
      </c>
      <c r="I17" s="3" t="s">
        <v>7</v>
      </c>
      <c r="J17" s="12">
        <v>0</v>
      </c>
      <c r="K17" s="3" t="s">
        <v>7</v>
      </c>
      <c r="L17" s="12">
        <v>0</v>
      </c>
      <c r="M17" s="3" t="s">
        <v>7</v>
      </c>
      <c r="N17" s="11">
        <v>0</v>
      </c>
      <c r="O17" s="11">
        <v>0</v>
      </c>
      <c r="P17" s="3" t="s">
        <v>7</v>
      </c>
    </row>
    <row r="18" spans="1:16" x14ac:dyDescent="0.2">
      <c r="A18" s="3" t="s">
        <v>7</v>
      </c>
      <c r="B18" s="3" t="s">
        <v>364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12">
        <v>0</v>
      </c>
      <c r="K18" s="3" t="s">
        <v>7</v>
      </c>
      <c r="L18" s="12">
        <v>0</v>
      </c>
      <c r="M18" s="3" t="s">
        <v>7</v>
      </c>
      <c r="N18" s="11">
        <v>0</v>
      </c>
      <c r="O18" s="11">
        <v>0</v>
      </c>
      <c r="P18" s="3" t="s">
        <v>7</v>
      </c>
    </row>
    <row r="19" spans="1:16" x14ac:dyDescent="0.2">
      <c r="A19" s="3" t="s">
        <v>7</v>
      </c>
      <c r="B19" s="3" t="s">
        <v>365</v>
      </c>
      <c r="C19" s="3" t="s">
        <v>7</v>
      </c>
      <c r="D19" s="3" t="s">
        <v>7</v>
      </c>
      <c r="E19" s="3" t="s">
        <v>7</v>
      </c>
      <c r="F19" s="3" t="s">
        <v>7</v>
      </c>
      <c r="G19" s="3" t="s">
        <v>7</v>
      </c>
      <c r="H19" s="3" t="s">
        <v>7</v>
      </c>
      <c r="I19" s="3" t="s">
        <v>7</v>
      </c>
      <c r="J19" s="12">
        <v>0</v>
      </c>
      <c r="K19" s="3" t="s">
        <v>7</v>
      </c>
      <c r="L19" s="12">
        <v>0</v>
      </c>
      <c r="M19" s="3" t="s">
        <v>7</v>
      </c>
      <c r="N19" s="11">
        <v>0</v>
      </c>
      <c r="O19" s="11">
        <v>0</v>
      </c>
      <c r="P19" s="3" t="s">
        <v>7</v>
      </c>
    </row>
    <row r="20" spans="1:16" x14ac:dyDescent="0.2">
      <c r="A20" s="3" t="s">
        <v>7</v>
      </c>
      <c r="B20" s="3" t="s">
        <v>140</v>
      </c>
      <c r="C20" s="3" t="s">
        <v>7</v>
      </c>
      <c r="D20" s="3" t="s">
        <v>7</v>
      </c>
      <c r="E20" s="3" t="s">
        <v>7</v>
      </c>
      <c r="F20" s="3" t="s">
        <v>7</v>
      </c>
      <c r="G20" s="3" t="s">
        <v>7</v>
      </c>
      <c r="H20" s="3" t="s">
        <v>7</v>
      </c>
      <c r="I20" s="3" t="s">
        <v>7</v>
      </c>
      <c r="J20" s="12">
        <v>0</v>
      </c>
      <c r="K20" s="3" t="s">
        <v>7</v>
      </c>
      <c r="L20" s="12">
        <v>0</v>
      </c>
      <c r="M20" s="3" t="s">
        <v>7</v>
      </c>
      <c r="N20" s="11">
        <v>0</v>
      </c>
      <c r="O20" s="11">
        <v>0</v>
      </c>
      <c r="P20" s="3" t="s">
        <v>7</v>
      </c>
    </row>
    <row r="21" spans="1:16" x14ac:dyDescent="0.2">
      <c r="A21" s="3" t="s">
        <v>7</v>
      </c>
      <c r="B21" s="3" t="s">
        <v>288</v>
      </c>
      <c r="C21" s="3" t="s">
        <v>7</v>
      </c>
      <c r="D21" s="3" t="s">
        <v>7</v>
      </c>
      <c r="E21" s="3" t="s">
        <v>7</v>
      </c>
      <c r="F21" s="3" t="s">
        <v>7</v>
      </c>
      <c r="G21" s="3" t="s">
        <v>7</v>
      </c>
      <c r="H21" s="3" t="s">
        <v>7</v>
      </c>
      <c r="I21" s="3" t="s">
        <v>7</v>
      </c>
      <c r="J21" s="12">
        <v>0</v>
      </c>
      <c r="K21" s="3" t="s">
        <v>7</v>
      </c>
      <c r="L21" s="12">
        <v>0</v>
      </c>
      <c r="M21" s="3" t="s">
        <v>7</v>
      </c>
      <c r="N21" s="11">
        <v>0</v>
      </c>
      <c r="O21" s="11">
        <v>0</v>
      </c>
      <c r="P21" s="3" t="s">
        <v>7</v>
      </c>
    </row>
    <row r="22" spans="1:16" x14ac:dyDescent="0.2">
      <c r="A22" s="8" t="s">
        <v>7</v>
      </c>
      <c r="B22" s="8" t="s">
        <v>94</v>
      </c>
      <c r="C22" s="8" t="s">
        <v>7</v>
      </c>
      <c r="D22" s="8" t="s">
        <v>7</v>
      </c>
      <c r="E22" s="8" t="s">
        <v>7</v>
      </c>
      <c r="F22" s="8" t="s">
        <v>7</v>
      </c>
      <c r="G22" s="8" t="s">
        <v>7</v>
      </c>
      <c r="H22" s="8" t="s">
        <v>7</v>
      </c>
      <c r="I22" s="8" t="s">
        <v>7</v>
      </c>
      <c r="J22" s="8" t="s">
        <v>7</v>
      </c>
      <c r="K22" s="8" t="s">
        <v>7</v>
      </c>
      <c r="L22" s="8" t="s">
        <v>7</v>
      </c>
      <c r="M22" s="8" t="s">
        <v>7</v>
      </c>
      <c r="N22" s="8" t="s">
        <v>7</v>
      </c>
      <c r="O22" s="8" t="s">
        <v>7</v>
      </c>
      <c r="P22" s="8" t="s">
        <v>7</v>
      </c>
    </row>
    <row r="23" spans="1:16" x14ac:dyDescent="0.2">
      <c r="A23" s="8" t="s">
        <v>7</v>
      </c>
      <c r="B23" s="8" t="s">
        <v>120</v>
      </c>
      <c r="C23" s="8" t="s">
        <v>7</v>
      </c>
      <c r="D23" s="8" t="s">
        <v>7</v>
      </c>
      <c r="E23" s="8" t="s">
        <v>7</v>
      </c>
      <c r="F23" s="8" t="s">
        <v>7</v>
      </c>
      <c r="G23" s="8" t="s">
        <v>7</v>
      </c>
      <c r="H23" s="8" t="s">
        <v>7</v>
      </c>
      <c r="I23" s="8" t="s">
        <v>7</v>
      </c>
      <c r="J23" s="8" t="s">
        <v>7</v>
      </c>
      <c r="K23" s="8" t="s">
        <v>7</v>
      </c>
      <c r="L23" s="8" t="s">
        <v>7</v>
      </c>
      <c r="M23" s="8" t="s">
        <v>7</v>
      </c>
      <c r="N23" s="8" t="s">
        <v>7</v>
      </c>
      <c r="O23" s="8" t="s">
        <v>7</v>
      </c>
      <c r="P23" s="8" t="s">
        <v>7</v>
      </c>
    </row>
    <row r="24" spans="1:16" x14ac:dyDescent="0.2">
      <c r="A24" s="7" t="s">
        <v>278</v>
      </c>
      <c r="B24" s="7" t="s">
        <v>59</v>
      </c>
    </row>
  </sheetData>
  <pageMargins left="0.7" right="0.7" top="0.75" bottom="0.75" header="0.3" footer="0.3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21"/>
  <sheetViews>
    <sheetView rightToLeft="1" workbookViewId="0"/>
  </sheetViews>
  <sheetFormatPr defaultRowHeight="14.25" x14ac:dyDescent="0.2"/>
  <cols>
    <col min="1" max="1" width="2" customWidth="1"/>
    <col min="2" max="2" width="34" customWidth="1"/>
    <col min="3" max="4" width="11" customWidth="1"/>
    <col min="5" max="5" width="16" customWidth="1"/>
    <col min="6" max="6" width="10" customWidth="1"/>
    <col min="7" max="7" width="11" customWidth="1"/>
    <col min="8" max="8" width="8" customWidth="1"/>
    <col min="9" max="9" width="10" customWidth="1"/>
    <col min="10" max="10" width="22" customWidth="1"/>
    <col min="11" max="11" width="24" customWidth="1"/>
    <col min="12" max="12" width="23" customWidth="1"/>
    <col min="13" max="13" width="2" customWidth="1"/>
  </cols>
  <sheetData>
    <row r="1" spans="1:13" x14ac:dyDescent="0.2">
      <c r="B1" s="7" t="s">
        <v>0</v>
      </c>
      <c r="C1" s="7" t="s">
        <v>1</v>
      </c>
    </row>
    <row r="2" spans="1:13" x14ac:dyDescent="0.2">
      <c r="B2" s="7" t="s">
        <v>2</v>
      </c>
      <c r="C2" s="7" t="s">
        <v>3</v>
      </c>
    </row>
    <row r="3" spans="1:13" x14ac:dyDescent="0.2">
      <c r="B3" s="7" t="s">
        <v>4</v>
      </c>
      <c r="C3" s="7" t="s">
        <v>5</v>
      </c>
    </row>
    <row r="4" spans="1:13" x14ac:dyDescent="0.2">
      <c r="B4" s="7" t="s">
        <v>6</v>
      </c>
      <c r="C4" s="7">
        <v>1526</v>
      </c>
    </row>
    <row r="5" spans="1:13" x14ac:dyDescent="0.2">
      <c r="B5" s="7" t="s">
        <v>7</v>
      </c>
      <c r="C5" s="7" t="s">
        <v>7</v>
      </c>
    </row>
    <row r="6" spans="1:13" x14ac:dyDescent="0.2">
      <c r="A6" s="1" t="s">
        <v>7</v>
      </c>
      <c r="B6" s="1" t="s">
        <v>95</v>
      </c>
      <c r="C6" s="1" t="s">
        <v>7</v>
      </c>
      <c r="D6" s="1" t="s">
        <v>7</v>
      </c>
      <c r="E6" s="1" t="s">
        <v>7</v>
      </c>
      <c r="F6" s="1" t="s">
        <v>7</v>
      </c>
      <c r="G6" s="1" t="s">
        <v>7</v>
      </c>
      <c r="H6" s="1" t="s">
        <v>7</v>
      </c>
      <c r="I6" s="1" t="s">
        <v>7</v>
      </c>
      <c r="J6" s="1" t="s">
        <v>7</v>
      </c>
      <c r="K6" s="1" t="s">
        <v>7</v>
      </c>
      <c r="L6" s="1" t="s">
        <v>7</v>
      </c>
      <c r="M6" s="1" t="s">
        <v>7</v>
      </c>
    </row>
    <row r="7" spans="1:13" x14ac:dyDescent="0.2">
      <c r="A7" s="1" t="s">
        <v>7</v>
      </c>
      <c r="B7" s="1" t="s">
        <v>366</v>
      </c>
      <c r="C7" s="1" t="s">
        <v>7</v>
      </c>
      <c r="D7" s="1" t="s">
        <v>7</v>
      </c>
      <c r="E7" s="1" t="s">
        <v>7</v>
      </c>
      <c r="F7" s="1" t="s">
        <v>7</v>
      </c>
      <c r="G7" s="1" t="s">
        <v>7</v>
      </c>
      <c r="H7" s="1" t="s">
        <v>7</v>
      </c>
      <c r="I7" s="1" t="s">
        <v>7</v>
      </c>
      <c r="J7" s="1" t="s">
        <v>7</v>
      </c>
      <c r="K7" s="1" t="s">
        <v>7</v>
      </c>
      <c r="L7" s="1" t="s">
        <v>7</v>
      </c>
      <c r="M7" s="1" t="s">
        <v>7</v>
      </c>
    </row>
    <row r="8" spans="1:13" x14ac:dyDescent="0.2">
      <c r="A8" s="1" t="s">
        <v>7</v>
      </c>
      <c r="B8" s="1" t="s">
        <v>61</v>
      </c>
      <c r="C8" s="1" t="s">
        <v>62</v>
      </c>
      <c r="D8" s="1" t="s">
        <v>97</v>
      </c>
      <c r="E8" s="1" t="s">
        <v>123</v>
      </c>
      <c r="F8" s="1" t="s">
        <v>66</v>
      </c>
      <c r="G8" s="1" t="s">
        <v>100</v>
      </c>
      <c r="H8" s="1" t="s">
        <v>101</v>
      </c>
      <c r="I8" s="1" t="s">
        <v>69</v>
      </c>
      <c r="J8" s="1" t="s">
        <v>103</v>
      </c>
      <c r="K8" s="1" t="s">
        <v>70</v>
      </c>
      <c r="L8" s="1" t="s">
        <v>104</v>
      </c>
      <c r="M8" s="1" t="s">
        <v>7</v>
      </c>
    </row>
    <row r="9" spans="1:13" x14ac:dyDescent="0.2">
      <c r="A9" s="1" t="s">
        <v>7</v>
      </c>
      <c r="B9" s="1" t="s">
        <v>7</v>
      </c>
      <c r="C9" s="1" t="s">
        <v>7</v>
      </c>
      <c r="D9" s="1" t="s">
        <v>7</v>
      </c>
      <c r="E9" s="1" t="s">
        <v>7</v>
      </c>
      <c r="F9" s="1" t="s">
        <v>7</v>
      </c>
      <c r="G9" s="1" t="s">
        <v>106</v>
      </c>
      <c r="H9" s="1" t="s">
        <v>107</v>
      </c>
      <c r="I9" s="1" t="s">
        <v>11</v>
      </c>
      <c r="J9" s="1" t="s">
        <v>12</v>
      </c>
      <c r="K9" s="1" t="s">
        <v>12</v>
      </c>
      <c r="L9" s="1" t="s">
        <v>12</v>
      </c>
      <c r="M9" s="1" t="s">
        <v>7</v>
      </c>
    </row>
    <row r="10" spans="1:13" x14ac:dyDescent="0.2">
      <c r="A10" s="1" t="s">
        <v>7</v>
      </c>
      <c r="B10" s="1" t="s">
        <v>7</v>
      </c>
      <c r="C10" s="1" t="s">
        <v>13</v>
      </c>
      <c r="D10" s="1" t="s">
        <v>14</v>
      </c>
      <c r="E10" s="1" t="s">
        <v>72</v>
      </c>
      <c r="F10" s="1" t="s">
        <v>73</v>
      </c>
      <c r="G10" s="1" t="s">
        <v>74</v>
      </c>
      <c r="H10" s="1" t="s">
        <v>75</v>
      </c>
      <c r="I10" s="1" t="s">
        <v>76</v>
      </c>
      <c r="J10" s="1" t="s">
        <v>77</v>
      </c>
      <c r="K10" s="1" t="s">
        <v>78</v>
      </c>
      <c r="L10" s="1" t="s">
        <v>79</v>
      </c>
      <c r="M10" s="1" t="s">
        <v>7</v>
      </c>
    </row>
    <row r="11" spans="1:13" x14ac:dyDescent="0.2">
      <c r="A11" s="8" t="s">
        <v>7</v>
      </c>
      <c r="B11" s="8" t="s">
        <v>367</v>
      </c>
      <c r="C11" s="8" t="s">
        <v>7</v>
      </c>
      <c r="D11" s="8" t="s">
        <v>7</v>
      </c>
      <c r="E11" s="8" t="s">
        <v>7</v>
      </c>
      <c r="F11" s="8" t="s">
        <v>7</v>
      </c>
      <c r="G11" s="10">
        <v>13400</v>
      </c>
      <c r="H11" s="8" t="s">
        <v>7</v>
      </c>
      <c r="I11" s="10">
        <v>0.81</v>
      </c>
      <c r="J11" s="8" t="s">
        <v>7</v>
      </c>
      <c r="K11" s="9">
        <v>1</v>
      </c>
      <c r="L11" s="9">
        <v>0</v>
      </c>
      <c r="M11" s="8" t="s">
        <v>7</v>
      </c>
    </row>
    <row r="12" spans="1:13" x14ac:dyDescent="0.2">
      <c r="A12" s="3" t="s">
        <v>7</v>
      </c>
      <c r="B12" s="3" t="s">
        <v>368</v>
      </c>
      <c r="C12" s="3" t="s">
        <v>7</v>
      </c>
      <c r="D12" s="3" t="s">
        <v>7</v>
      </c>
      <c r="E12" s="3" t="s">
        <v>7</v>
      </c>
      <c r="F12" s="3" t="s">
        <v>7</v>
      </c>
      <c r="G12" s="12">
        <v>13400</v>
      </c>
      <c r="H12" s="3" t="s">
        <v>7</v>
      </c>
      <c r="I12" s="12">
        <v>0.81</v>
      </c>
      <c r="J12" s="3" t="s">
        <v>7</v>
      </c>
      <c r="K12" s="11">
        <v>1</v>
      </c>
      <c r="L12" s="11">
        <v>0</v>
      </c>
      <c r="M12" s="3" t="s">
        <v>7</v>
      </c>
    </row>
    <row r="13" spans="1:13" x14ac:dyDescent="0.2">
      <c r="A13" s="3" t="s">
        <v>7</v>
      </c>
      <c r="B13" s="3" t="s">
        <v>369</v>
      </c>
      <c r="C13" s="3" t="s">
        <v>7</v>
      </c>
      <c r="D13" s="3" t="s">
        <v>7</v>
      </c>
      <c r="E13" s="3" t="s">
        <v>7</v>
      </c>
      <c r="F13" s="3" t="s">
        <v>7</v>
      </c>
      <c r="G13" s="3" t="s">
        <v>7</v>
      </c>
      <c r="H13" s="3" t="s">
        <v>7</v>
      </c>
      <c r="I13" s="3" t="s">
        <v>7</v>
      </c>
      <c r="J13" s="3" t="s">
        <v>7</v>
      </c>
      <c r="K13" s="3" t="s">
        <v>7</v>
      </c>
      <c r="L13" s="3" t="s">
        <v>7</v>
      </c>
      <c r="M13" s="3" t="s">
        <v>7</v>
      </c>
    </row>
    <row r="14" spans="1:13" x14ac:dyDescent="0.2">
      <c r="A14" s="13" t="s">
        <v>7</v>
      </c>
      <c r="B14" s="13" t="s">
        <v>370</v>
      </c>
      <c r="C14" s="14">
        <v>1155738</v>
      </c>
      <c r="D14" s="13" t="s">
        <v>143</v>
      </c>
      <c r="E14" s="13" t="s">
        <v>371</v>
      </c>
      <c r="F14" s="13" t="s">
        <v>85</v>
      </c>
      <c r="G14" s="16">
        <v>5360</v>
      </c>
      <c r="H14" s="16">
        <v>6.8</v>
      </c>
      <c r="I14" s="16">
        <v>0.36</v>
      </c>
      <c r="J14" s="15">
        <v>4.0000000000000002E-4</v>
      </c>
      <c r="K14" s="15">
        <v>0.4481</v>
      </c>
      <c r="L14" s="15">
        <v>0</v>
      </c>
      <c r="M14" s="13" t="s">
        <v>7</v>
      </c>
    </row>
    <row r="15" spans="1:13" x14ac:dyDescent="0.2">
      <c r="A15" s="13" t="s">
        <v>7</v>
      </c>
      <c r="B15" s="13" t="s">
        <v>372</v>
      </c>
      <c r="C15" s="14">
        <v>1155720</v>
      </c>
      <c r="D15" s="13" t="s">
        <v>143</v>
      </c>
      <c r="E15" s="13" t="s">
        <v>371</v>
      </c>
      <c r="F15" s="13" t="s">
        <v>85</v>
      </c>
      <c r="G15" s="16">
        <v>6700</v>
      </c>
      <c r="H15" s="16">
        <v>4</v>
      </c>
      <c r="I15" s="16">
        <v>0.27</v>
      </c>
      <c r="J15" s="15">
        <v>4.0000000000000002E-4</v>
      </c>
      <c r="K15" s="15">
        <v>0.32950000000000002</v>
      </c>
      <c r="L15" s="15">
        <v>0</v>
      </c>
      <c r="M15" s="13" t="s">
        <v>7</v>
      </c>
    </row>
    <row r="16" spans="1:13" x14ac:dyDescent="0.2">
      <c r="A16" s="13" t="s">
        <v>7</v>
      </c>
      <c r="B16" s="13" t="s">
        <v>373</v>
      </c>
      <c r="C16" s="14">
        <v>1155746</v>
      </c>
      <c r="D16" s="13" t="s">
        <v>143</v>
      </c>
      <c r="E16" s="13" t="s">
        <v>371</v>
      </c>
      <c r="F16" s="13" t="s">
        <v>85</v>
      </c>
      <c r="G16" s="16">
        <v>1340</v>
      </c>
      <c r="H16" s="16">
        <v>13.5</v>
      </c>
      <c r="I16" s="16">
        <v>0.18</v>
      </c>
      <c r="J16" s="15">
        <v>4.0000000000000002E-4</v>
      </c>
      <c r="K16" s="15">
        <v>0.22239999999999999</v>
      </c>
      <c r="L16" s="15">
        <v>0</v>
      </c>
      <c r="M16" s="13" t="s">
        <v>7</v>
      </c>
    </row>
    <row r="17" spans="1:13" x14ac:dyDescent="0.2">
      <c r="A17" s="3" t="s">
        <v>7</v>
      </c>
      <c r="B17" s="3" t="s">
        <v>132</v>
      </c>
      <c r="C17" s="3" t="s">
        <v>7</v>
      </c>
      <c r="D17" s="3" t="s">
        <v>7</v>
      </c>
      <c r="E17" s="3" t="s">
        <v>7</v>
      </c>
      <c r="F17" s="3" t="s">
        <v>7</v>
      </c>
      <c r="G17" s="12">
        <v>0</v>
      </c>
      <c r="H17" s="3" t="s">
        <v>7</v>
      </c>
      <c r="I17" s="12">
        <v>0</v>
      </c>
      <c r="J17" s="3" t="s">
        <v>7</v>
      </c>
      <c r="K17" s="11">
        <v>0</v>
      </c>
      <c r="L17" s="11">
        <v>0</v>
      </c>
      <c r="M17" s="3" t="s">
        <v>7</v>
      </c>
    </row>
    <row r="18" spans="1:13" x14ac:dyDescent="0.2">
      <c r="A18" s="3" t="s">
        <v>7</v>
      </c>
      <c r="B18" s="3" t="s">
        <v>374</v>
      </c>
      <c r="C18" s="3" t="s">
        <v>7</v>
      </c>
      <c r="D18" s="3" t="s">
        <v>7</v>
      </c>
      <c r="E18" s="3" t="s">
        <v>7</v>
      </c>
      <c r="F18" s="3" t="s">
        <v>7</v>
      </c>
      <c r="G18" s="3" t="s">
        <v>7</v>
      </c>
      <c r="H18" s="3" t="s">
        <v>7</v>
      </c>
      <c r="I18" s="3" t="s">
        <v>7</v>
      </c>
      <c r="J18" s="3" t="s">
        <v>7</v>
      </c>
      <c r="K18" s="3" t="s">
        <v>7</v>
      </c>
      <c r="L18" s="3" t="s">
        <v>7</v>
      </c>
      <c r="M18" s="3" t="s">
        <v>7</v>
      </c>
    </row>
    <row r="19" spans="1:13" x14ac:dyDescent="0.2">
      <c r="A19" s="8" t="s">
        <v>7</v>
      </c>
      <c r="B19" s="8" t="s">
        <v>94</v>
      </c>
      <c r="C19" s="8" t="s">
        <v>7</v>
      </c>
      <c r="D19" s="8" t="s">
        <v>7</v>
      </c>
      <c r="E19" s="8" t="s">
        <v>7</v>
      </c>
      <c r="F19" s="8" t="s">
        <v>7</v>
      </c>
      <c r="G19" s="8" t="s">
        <v>7</v>
      </c>
      <c r="H19" s="8" t="s">
        <v>7</v>
      </c>
      <c r="I19" s="8" t="s">
        <v>7</v>
      </c>
      <c r="J19" s="8" t="s">
        <v>7</v>
      </c>
      <c r="K19" s="8" t="s">
        <v>7</v>
      </c>
      <c r="L19" s="8" t="s">
        <v>7</v>
      </c>
      <c r="M19" s="8" t="s">
        <v>7</v>
      </c>
    </row>
    <row r="20" spans="1:13" x14ac:dyDescent="0.2">
      <c r="A20" s="8" t="s">
        <v>7</v>
      </c>
      <c r="B20" s="8" t="s">
        <v>120</v>
      </c>
      <c r="C20" s="8" t="s">
        <v>7</v>
      </c>
      <c r="D20" s="8" t="s">
        <v>7</v>
      </c>
      <c r="E20" s="8" t="s">
        <v>7</v>
      </c>
      <c r="F20" s="8" t="s">
        <v>7</v>
      </c>
      <c r="G20" s="8" t="s">
        <v>7</v>
      </c>
      <c r="H20" s="8" t="s">
        <v>7</v>
      </c>
      <c r="I20" s="8" t="s">
        <v>7</v>
      </c>
      <c r="J20" s="8" t="s">
        <v>7</v>
      </c>
      <c r="K20" s="8" t="s">
        <v>7</v>
      </c>
      <c r="L20" s="8" t="s">
        <v>7</v>
      </c>
      <c r="M20" s="8" t="s">
        <v>7</v>
      </c>
    </row>
    <row r="21" spans="1:13" x14ac:dyDescent="0.2">
      <c r="A21" s="7" t="s">
        <v>278</v>
      </c>
      <c r="B21" s="7" t="s">
        <v>59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גליונות עבודה</vt:lpstr>
      </vt:variant>
      <vt:variant>
        <vt:i4>30</vt:i4>
      </vt:variant>
    </vt:vector>
  </HeadingPairs>
  <TitlesOfParts>
    <vt:vector size="30" baseType="lpstr">
      <vt:lpstr>סכום נכסי הקרן</vt:lpstr>
      <vt:lpstr>מזומנים</vt:lpstr>
      <vt:lpstr>תעודות התחייבות ממשלתיות</vt:lpstr>
      <vt:lpstr>תעודות חוב מסחריות</vt:lpstr>
      <vt:lpstr>אג"ח קונצרני</vt:lpstr>
      <vt:lpstr>מניות</vt:lpstr>
      <vt:lpstr>קרנות סל</vt:lpstr>
      <vt:lpstr>קרנות נאמנות</vt:lpstr>
      <vt:lpstr>כתבי אופציה</vt:lpstr>
      <vt:lpstr>אופציות</vt:lpstr>
      <vt:lpstr>חוזים עתידיים</vt:lpstr>
      <vt:lpstr>מוצרים מובנים</vt:lpstr>
      <vt:lpstr>לא סחיר - תעודות התחייבות ממשלת</vt:lpstr>
      <vt:lpstr>לא סחיר - תעודות חוב מסחריות</vt:lpstr>
      <vt:lpstr>לא סחיר - אג"ח קונצרני</vt:lpstr>
      <vt:lpstr>לא סחיר - מניות</vt:lpstr>
      <vt:lpstr>לא סחיר - קרנות השקעה</vt:lpstr>
      <vt:lpstr>לא סחיר - כתבי אופציה</vt:lpstr>
      <vt:lpstr>לא סחיר - אופציות</vt:lpstr>
      <vt:lpstr>לא סחיר - חוזים עתידיים</vt:lpstr>
      <vt:lpstr>לא סחיר - מוצרים מובנים</vt:lpstr>
      <vt:lpstr>הלוואות</vt:lpstr>
      <vt:lpstr>פקדונות מעל 3 חודשים</vt:lpstr>
      <vt:lpstr>זכויות מקרקעין</vt:lpstr>
      <vt:lpstr>השקעה בחברות מוחזקות</vt:lpstr>
      <vt:lpstr>השקעות אחרות</vt:lpstr>
      <vt:lpstr>יתרת התחייבות להשקעה</vt:lpstr>
      <vt:lpstr>עלות מתואמת אג"ח קונצרני סחיר</vt:lpstr>
      <vt:lpstr>עלות מתואמת אג"ח קונצרני ל.סחיר</vt:lpstr>
      <vt:lpstr>עלות מתואמת מסגרות אשראי ללווים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pache POI</dc:creator>
  <cp:lastModifiedBy>Pinhas Abramov</cp:lastModifiedBy>
  <dcterms:created xsi:type="dcterms:W3CDTF">2021-04-27T06:58:32Z</dcterms:created>
  <dcterms:modified xsi:type="dcterms:W3CDTF">2022-02-09T12:20:03Z</dcterms:modified>
</cp:coreProperties>
</file>